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defaultThemeVersion="124226"/>
  <mc:AlternateContent xmlns:mc="http://schemas.openxmlformats.org/markup-compatibility/2006">
    <mc:Choice Requires="x15">
      <x15ac:absPath xmlns:x15ac="http://schemas.microsoft.com/office/spreadsheetml/2010/11/ac" url="\\kfs01\s0502\common\01_計画Ｇ\10_庁内環境管理（計画Ｇ）\01_環境マネジメントシステム\02_環境関連法令実務マニュアル・チェックリスト\07_施行\"/>
    </mc:Choice>
  </mc:AlternateContent>
  <bookViews>
    <workbookView xWindow="-105" yWindow="-105" windowWidth="19425" windowHeight="11625"/>
  </bookViews>
  <sheets>
    <sheet name="標準的な環境関連法令一覧（庁舎管理等）" sheetId="9" r:id="rId1"/>
    <sheet name="別添１" sheetId="10" r:id="rId2"/>
  </sheets>
  <definedNames>
    <definedName name="_xlnm._FilterDatabase" localSheetId="0" hidden="1">'標準的な環境関連法令一覧（庁舎管理等）'!$E$1:$E$3</definedName>
    <definedName name="_xlnm.Print_Area" localSheetId="0">'標準的な環境関連法令一覧（庁舎管理等）'!$A$1:$C$269</definedName>
  </definedNames>
  <calcPr calcId="162913"/>
</workbook>
</file>

<file path=xl/sharedStrings.xml><?xml version="1.0" encoding="utf-8"?>
<sst xmlns="http://schemas.openxmlformats.org/spreadsheetml/2006/main" count="424" uniqueCount="406">
  <si>
    <t>下水道法（所管課：下水道課）</t>
    <rPh sb="9" eb="12">
      <t>ゲスイドウ</t>
    </rPh>
    <phoneticPr fontId="2"/>
  </si>
  <si>
    <t>第６条の２(市町村の処理等)</t>
    <rPh sb="0" eb="1">
      <t>ダイ</t>
    </rPh>
    <rPh sb="2" eb="3">
      <t>ジョウ</t>
    </rPh>
    <rPh sb="6" eb="9">
      <t>シチョウソン</t>
    </rPh>
    <rPh sb="10" eb="12">
      <t>ショリ</t>
    </rPh>
    <rPh sb="12" eb="13">
      <t>トウ</t>
    </rPh>
    <phoneticPr fontId="2"/>
  </si>
  <si>
    <t>第59条（特定有害物質の使用状況等の記録の管理等）　　　　　　　　　　　　　　　第63条の２（ダイオキシンに係る記録の管理等）</t>
    <rPh sb="0" eb="1">
      <t>ダイ</t>
    </rPh>
    <rPh sb="3" eb="4">
      <t>ジョウ</t>
    </rPh>
    <rPh sb="5" eb="7">
      <t>トクテイ</t>
    </rPh>
    <rPh sb="7" eb="9">
      <t>ユウガイ</t>
    </rPh>
    <rPh sb="9" eb="11">
      <t>ブッシツ</t>
    </rPh>
    <rPh sb="12" eb="14">
      <t>シヨウ</t>
    </rPh>
    <rPh sb="14" eb="16">
      <t>ジョウキョウ</t>
    </rPh>
    <rPh sb="16" eb="17">
      <t>トウ</t>
    </rPh>
    <rPh sb="18" eb="20">
      <t>キロク</t>
    </rPh>
    <rPh sb="21" eb="23">
      <t>カンリ</t>
    </rPh>
    <rPh sb="23" eb="24">
      <t>トウ</t>
    </rPh>
    <rPh sb="40" eb="41">
      <t>ダイ</t>
    </rPh>
    <rPh sb="43" eb="44">
      <t>ジョウ</t>
    </rPh>
    <rPh sb="54" eb="55">
      <t>カカワ</t>
    </rPh>
    <rPh sb="56" eb="58">
      <t>キロク</t>
    </rPh>
    <rPh sb="59" eb="61">
      <t>カンリ</t>
    </rPh>
    <rPh sb="61" eb="62">
      <t>トウ</t>
    </rPh>
    <phoneticPr fontId="2"/>
  </si>
  <si>
    <t>指定事業所の設置には、知事の許可が必要。</t>
    <rPh sb="6" eb="8">
      <t>セッチ</t>
    </rPh>
    <phoneticPr fontId="2"/>
  </si>
  <si>
    <t>第３条（設置の許可）</t>
  </si>
  <si>
    <t>第６条（表示板の掲示）</t>
  </si>
  <si>
    <t>第６条（事業者及び消費者の責務）</t>
  </si>
  <si>
    <t>第３条（事業者の責務）</t>
  </si>
  <si>
    <t>廃棄物を排出する場合、廃棄物の処理及び清掃に関する法律の次の条項が該当します。</t>
  </si>
  <si>
    <t>横浜市内の庁舎管理者は次の条項が該当します。</t>
    <rPh sb="0" eb="4">
      <t>ヨコハマシナイ</t>
    </rPh>
    <rPh sb="5" eb="7">
      <t>チョウシャ</t>
    </rPh>
    <rPh sb="7" eb="9">
      <t>カンリ</t>
    </rPh>
    <rPh sb="9" eb="10">
      <t>シャ</t>
    </rPh>
    <phoneticPr fontId="2"/>
  </si>
  <si>
    <t>し尿や雑排水（工場廃水、雨水等を除く）を処理し、公共下水道以外に放流するための設備又は施設（浄化槽）がある場合は、浄化槽法の次の条項に該当します。</t>
  </si>
  <si>
    <t>第５条 （設置等の届出等）</t>
  </si>
  <si>
    <t>第７条 （設置後等の水質検査）</t>
  </si>
  <si>
    <t>学校、病院、事業場等で、その他多数の者が出入し、勤務し、又は居住する防火対象物の場合、消防法の次の条項に該当します。</t>
  </si>
  <si>
    <t>第８条</t>
  </si>
  <si>
    <t>土地又は建物の占有者は、自ら処分しない一般廃棄物については、市町村一般廃棄物処理計画に従い適正に分別・保管する等市町村が行う一般廃棄物の収集、運搬及び処分に協力すること。</t>
    <rPh sb="30" eb="33">
      <t>シチョウソン</t>
    </rPh>
    <rPh sb="33" eb="38">
      <t>イッパンハイキブツ</t>
    </rPh>
    <rPh sb="38" eb="40">
      <t>ショリ</t>
    </rPh>
    <rPh sb="40" eb="42">
      <t>ケイカク</t>
    </rPh>
    <rPh sb="43" eb="44">
      <t>シタガ</t>
    </rPh>
    <rPh sb="45" eb="47">
      <t>テキセイ</t>
    </rPh>
    <phoneticPr fontId="2"/>
  </si>
  <si>
    <t>ディーゼル車を運行する場合、神奈川県生活環境の保全等に関する条例の次の条項に該当します。</t>
    <rPh sb="5" eb="6">
      <t>シャ</t>
    </rPh>
    <rPh sb="7" eb="9">
      <t>ウンコウ</t>
    </rPh>
    <rPh sb="11" eb="13">
      <t>バアイ</t>
    </rPh>
    <phoneticPr fontId="2"/>
  </si>
  <si>
    <t>あらかじめ、使用開始時期を市町村の下水道部局に届け出なければならない。</t>
    <rPh sb="6" eb="8">
      <t>シヨウ</t>
    </rPh>
    <rPh sb="8" eb="10">
      <t>カイシ</t>
    </rPh>
    <rPh sb="10" eb="12">
      <t>ジキ</t>
    </rPh>
    <rPh sb="23" eb="24">
      <t>トド</t>
    </rPh>
    <rPh sb="25" eb="26">
      <t>デ</t>
    </rPh>
    <phoneticPr fontId="2"/>
  </si>
  <si>
    <t>特定施設の構造等を変更をしようとするときは、市町村の下水道部局に届け出なければならない。</t>
    <rPh sb="34" eb="35">
      <t>デ</t>
    </rPh>
    <phoneticPr fontId="2"/>
  </si>
  <si>
    <t>特定事業場に該当しない事業場の下水または、特定事業場からの下水であって法１２条の２の直罰規制をうけない下水については、下水道法の次の条項に該当します。</t>
    <rPh sb="15" eb="17">
      <t>ゲスイ</t>
    </rPh>
    <rPh sb="21" eb="23">
      <t>トクテイ</t>
    </rPh>
    <rPh sb="23" eb="25">
      <t>ジギョウ</t>
    </rPh>
    <rPh sb="25" eb="26">
      <t>ジョウ</t>
    </rPh>
    <rPh sb="29" eb="31">
      <t>ゲスイ</t>
    </rPh>
    <rPh sb="35" eb="36">
      <t>ホウ</t>
    </rPh>
    <rPh sb="38" eb="39">
      <t>ジョウ</t>
    </rPh>
    <rPh sb="51" eb="53">
      <t>ゲスイ</t>
    </rPh>
    <phoneticPr fontId="2"/>
  </si>
  <si>
    <t>指定数量以上の危険物（アセトン(400l)、ガソリン・ベンゼン・トルエン(200l)、灯油・軽油・キシレン(1000l)、重油(2000l)、アルコール類(400l)等）を貯蔵する場合は、消防法の次の条項に該当します。</t>
    <rPh sb="83" eb="84">
      <t>トウ</t>
    </rPh>
    <phoneticPr fontId="2"/>
  </si>
  <si>
    <t>一定規模以上の指定施設の設置者は、排煙の測定（年２回以上）が必要。また、結果は記録し保存しなければならない。</t>
    <rPh sb="26" eb="28">
      <t>イジョウ</t>
    </rPh>
    <phoneticPr fontId="2"/>
  </si>
  <si>
    <t>第60条（特定有害物質使用地における土地の区画形質の変更の実施等）第63条の３（準用）</t>
  </si>
  <si>
    <t>第60条の2（周知計画の提出）第63条の３（準用）</t>
    <rPh sb="0" eb="1">
      <t>ダイ</t>
    </rPh>
    <rPh sb="3" eb="4">
      <t>ジョウ</t>
    </rPh>
    <rPh sb="7" eb="8">
      <t>シュウ</t>
    </rPh>
    <rPh sb="15" eb="16">
      <t>ダイ</t>
    </rPh>
    <rPh sb="18" eb="19">
      <t>ジョウ</t>
    </rPh>
    <rPh sb="22" eb="24">
      <t>ジュンヨウ</t>
    </rPh>
    <phoneticPr fontId="2"/>
  </si>
  <si>
    <t>特定高圧ガス消費者は、消費のための施設を技術上の基準に適合するように維持し技術上の基準に従つて特定高圧ガスの消費をしなければならない。</t>
  </si>
  <si>
    <t>第３条の３（興奮、幻覚、麻酔の作用を有する毒物、劇物）</t>
  </si>
  <si>
    <t>第３条の４（引火性、発火性、爆発性のある毒物、劇物）</t>
  </si>
  <si>
    <t>第８条（特定施設の数等の変更の届出）</t>
  </si>
  <si>
    <t>第３条（排出基準）</t>
  </si>
  <si>
    <t>ばい煙発生施設には、排出基準が適用される。</t>
  </si>
  <si>
    <t>第６条（ばい煙発生施設の設置の届出）</t>
  </si>
  <si>
    <t>第８条（ばい煙発生施設の構造等の変更の届出）</t>
  </si>
  <si>
    <t>廃棄物焼却炉等の特定施設を使用している場合は、ダイオキシン類対策特別措置法の次の条項に該当します。</t>
  </si>
  <si>
    <t>自動車を使用する事業者は、神奈川県生活環境の保全等に関する条例の次の条項に該当します。</t>
    <rPh sb="0" eb="3">
      <t>ジドウシャ</t>
    </rPh>
    <rPh sb="4" eb="6">
      <t>シヨウ</t>
    </rPh>
    <rPh sb="8" eb="11">
      <t>ジギョウシャ</t>
    </rPh>
    <phoneticPr fontId="2"/>
  </si>
  <si>
    <t>駐車場等を管理する者は、神奈川県生活環境の保全等に関する条例の次の条項に該当します。</t>
    <rPh sb="0" eb="3">
      <t>チュウシャジョウ</t>
    </rPh>
    <rPh sb="3" eb="4">
      <t>トウ</t>
    </rPh>
    <rPh sb="5" eb="7">
      <t>カンリ</t>
    </rPh>
    <rPh sb="9" eb="10">
      <t>モノ</t>
    </rPh>
    <phoneticPr fontId="2"/>
  </si>
  <si>
    <t>毒物及び劇物取締法（所管課：薬務課）</t>
    <rPh sb="10" eb="12">
      <t>ショカン</t>
    </rPh>
    <rPh sb="12" eb="13">
      <t>カ</t>
    </rPh>
    <rPh sb="14" eb="15">
      <t>ヤク</t>
    </rPh>
    <rPh sb="15" eb="16">
      <t>ム</t>
    </rPh>
    <rPh sb="16" eb="17">
      <t>カ</t>
    </rPh>
    <phoneticPr fontId="2"/>
  </si>
  <si>
    <t>指定事業所の設置者は、３年ごとに使用等している特定有害物質の種類等を知事に報告しなければならない。</t>
    <rPh sb="0" eb="2">
      <t>シテイ</t>
    </rPh>
    <rPh sb="2" eb="5">
      <t>ジギョウショ</t>
    </rPh>
    <rPh sb="6" eb="8">
      <t>セッチ</t>
    </rPh>
    <rPh sb="8" eb="9">
      <t>シャ</t>
    </rPh>
    <rPh sb="12" eb="13">
      <t>ネン</t>
    </rPh>
    <rPh sb="16" eb="18">
      <t>シヨウ</t>
    </rPh>
    <rPh sb="18" eb="19">
      <t>トウ</t>
    </rPh>
    <rPh sb="23" eb="25">
      <t>トクテイ</t>
    </rPh>
    <rPh sb="25" eb="27">
      <t>ユウガイ</t>
    </rPh>
    <rPh sb="27" eb="29">
      <t>ブッシツ</t>
    </rPh>
    <rPh sb="30" eb="32">
      <t>シュルイ</t>
    </rPh>
    <rPh sb="32" eb="33">
      <t>トウ</t>
    </rPh>
    <rPh sb="34" eb="36">
      <t>チジ</t>
    </rPh>
    <rPh sb="37" eb="39">
      <t>ホウコク</t>
    </rPh>
    <phoneticPr fontId="2"/>
  </si>
  <si>
    <t>第62条の２（土壌汚染による地下水への影響の調査）
第63条の３（準用）</t>
    <rPh sb="0" eb="1">
      <t>ダイ</t>
    </rPh>
    <rPh sb="3" eb="4">
      <t>ジョウ</t>
    </rPh>
    <rPh sb="7" eb="9">
      <t>ドジョウ</t>
    </rPh>
    <rPh sb="9" eb="11">
      <t>オセン</t>
    </rPh>
    <rPh sb="14" eb="17">
      <t>チカスイ</t>
    </rPh>
    <rPh sb="19" eb="21">
      <t>エイキョウ</t>
    </rPh>
    <rPh sb="22" eb="24">
      <t>チョウサ</t>
    </rPh>
    <rPh sb="26" eb="27">
      <t>ダイ</t>
    </rPh>
    <rPh sb="29" eb="30">
      <t>ジョウ</t>
    </rPh>
    <rPh sb="33" eb="35">
      <t>ジュンヨウ</t>
    </rPh>
    <phoneticPr fontId="2"/>
  </si>
  <si>
    <t>エアコン、テレビジョン受信機、電気冷蔵庫及び電気冷凍庫、電気洗濯機及び衣類乾燥機の特定家庭用機器を廃棄する場合は、特定家庭用機器再商品化法の次の条項が該当します。</t>
    <rPh sb="11" eb="14">
      <t>ジュシンキ</t>
    </rPh>
    <rPh sb="20" eb="21">
      <t>オヨ</t>
    </rPh>
    <rPh sb="22" eb="24">
      <t>デンキ</t>
    </rPh>
    <rPh sb="24" eb="27">
      <t>レイトウコ</t>
    </rPh>
    <rPh sb="33" eb="34">
      <t>オヨ</t>
    </rPh>
    <rPh sb="35" eb="37">
      <t>イルイ</t>
    </rPh>
    <rPh sb="37" eb="40">
      <t>カンソウキ</t>
    </rPh>
    <phoneticPr fontId="2"/>
  </si>
  <si>
    <t>指定数量未満の危険物やわら製品、木毛等を貯蔵等する場合は、市町村の火災予防条例に該当する場合がありますので、所管の消防署に確認して下さい。</t>
  </si>
  <si>
    <t>ＰＲＴＲ届出対象事業者は、神奈川県生活環境の保全等に関する条例の次の条項に該当します。</t>
    <rPh sb="4" eb="8">
      <t>トドケデタイショウ</t>
    </rPh>
    <rPh sb="8" eb="11">
      <t>ジギョウシャ</t>
    </rPh>
    <rPh sb="13" eb="17">
      <t>カナガワケン</t>
    </rPh>
    <rPh sb="17" eb="19">
      <t>セイカツ</t>
    </rPh>
    <rPh sb="19" eb="21">
      <t>カンキョウ</t>
    </rPh>
    <rPh sb="22" eb="24">
      <t>ホゼン</t>
    </rPh>
    <rPh sb="24" eb="25">
      <t>トウ</t>
    </rPh>
    <rPh sb="26" eb="27">
      <t>カン</t>
    </rPh>
    <rPh sb="29" eb="31">
      <t>ジョウレイ</t>
    </rPh>
    <rPh sb="32" eb="33">
      <t>ツギ</t>
    </rPh>
    <rPh sb="34" eb="36">
      <t>ジョウコウ</t>
    </rPh>
    <rPh sb="37" eb="39">
      <t>ガイトウ</t>
    </rPh>
    <phoneticPr fontId="2"/>
  </si>
  <si>
    <t>毒物及び劇物の保管管理</t>
    <rPh sb="0" eb="2">
      <t>ドクブツ</t>
    </rPh>
    <rPh sb="2" eb="3">
      <t>オヨ</t>
    </rPh>
    <rPh sb="4" eb="6">
      <t>ゲキブツ</t>
    </rPh>
    <rPh sb="7" eb="9">
      <t>ホカン</t>
    </rPh>
    <rPh sb="9" eb="11">
      <t>カンリ</t>
    </rPh>
    <phoneticPr fontId="2"/>
  </si>
  <si>
    <t>携帯電話端末・ＰＨＳ端末、パーソナルコンピューターをはじめとした政令に定める28分類の小型家電を廃棄する場合は、使用済小型電子機器等の再資源化の促進に関する法律の次の条項が該当します。</t>
    <rPh sb="32" eb="34">
      <t>セイレイ</t>
    </rPh>
    <rPh sb="35" eb="36">
      <t>サダ</t>
    </rPh>
    <rPh sb="40" eb="42">
      <t>ブンルイ</t>
    </rPh>
    <rPh sb="43" eb="45">
      <t>コガタ</t>
    </rPh>
    <rPh sb="45" eb="47">
      <t>カデン</t>
    </rPh>
    <rPh sb="48" eb="50">
      <t>ハイキ</t>
    </rPh>
    <rPh sb="52" eb="54">
      <t>バアイ</t>
    </rPh>
    <rPh sb="81" eb="82">
      <t>ツギ</t>
    </rPh>
    <rPh sb="83" eb="85">
      <t>ジョウコウ</t>
    </rPh>
    <rPh sb="86" eb="88">
      <t>ガイトウ</t>
    </rPh>
    <phoneticPr fontId="2"/>
  </si>
  <si>
    <t>(参考）横浜市告示第３８９号</t>
    <rPh sb="1" eb="3">
      <t>サンコウ</t>
    </rPh>
    <phoneticPr fontId="2"/>
  </si>
  <si>
    <t>あらかじめ、当該下水の量又は水質及び使用開始時期を市町村の下水道部局に届け出なければならない。届け出た下水の量又は水質を変更しようとするときも、市町村の下水道部局に届け出なければならない。</t>
    <rPh sb="6" eb="8">
      <t>トウガイ</t>
    </rPh>
    <rPh sb="8" eb="10">
      <t>ゲスイ</t>
    </rPh>
    <rPh sb="11" eb="12">
      <t>リョウ</t>
    </rPh>
    <rPh sb="12" eb="13">
      <t>マタ</t>
    </rPh>
    <rPh sb="14" eb="16">
      <t>スイシツ</t>
    </rPh>
    <rPh sb="16" eb="17">
      <t>オヨ</t>
    </rPh>
    <rPh sb="18" eb="20">
      <t>シヨウ</t>
    </rPh>
    <rPh sb="20" eb="22">
      <t>カイシ</t>
    </rPh>
    <rPh sb="22" eb="24">
      <t>ジキ</t>
    </rPh>
    <rPh sb="25" eb="28">
      <t>シチョウソン</t>
    </rPh>
    <rPh sb="29" eb="32">
      <t>ゲスイドウ</t>
    </rPh>
    <rPh sb="32" eb="34">
      <t>ブキョク</t>
    </rPh>
    <rPh sb="35" eb="36">
      <t>トド</t>
    </rPh>
    <rPh sb="37" eb="38">
      <t>デ</t>
    </rPh>
    <phoneticPr fontId="2"/>
  </si>
  <si>
    <t>特定事業場（水質汚濁防止法及びﾀﾞｲｵｷｼﾝ類対策特別措置法に定める特定施設を有する事業場）は下水道法の次の条項に該当します。</t>
    <phoneticPr fontId="2"/>
  </si>
  <si>
    <t>既設の施設が特定施設に指定されたとき、既設の特定施設を公共下水道に接続するときは、市町村の下水道部局に届け出なければならない。</t>
    <phoneticPr fontId="2"/>
  </si>
  <si>
    <t>特定施設の設置又は構造等の変更の届出をした者は、その届出が受理された日から60日を経過した後でなければ、その届出に係る特定施設の設置又は構造等の変更をしてはならない。</t>
    <phoneticPr fontId="2"/>
  </si>
  <si>
    <t>人の健康に係る被害等を生ずるおそれがある一定の物質又は油が公共下水道に流入する事故が発生したときは、応急の措置を講ずるとともに、事故の状況等を速やかに市町村の下水道部局に届け出なければならない。</t>
    <phoneticPr fontId="2"/>
  </si>
  <si>
    <t>下水の水質を測定し、その結果を記録しておかなければならない。</t>
    <phoneticPr fontId="2"/>
  </si>
  <si>
    <t>(参考）市町村火災予防条例</t>
    <rPh sb="1" eb="3">
      <t>サンコウ</t>
    </rPh>
    <phoneticPr fontId="2"/>
  </si>
  <si>
    <t>労働安全衛生法</t>
    <rPh sb="0" eb="2">
      <t>ロウドウ</t>
    </rPh>
    <rPh sb="2" eb="4">
      <t>アンゼン</t>
    </rPh>
    <rPh sb="4" eb="7">
      <t>エイセイホウ</t>
    </rPh>
    <phoneticPr fontId="2"/>
  </si>
  <si>
    <t>特定施設の構造等を変更をしようとするときは、届け出なければならない。</t>
    <rPh sb="24" eb="25">
      <t>デ</t>
    </rPh>
    <phoneticPr fontId="2"/>
  </si>
  <si>
    <t>一定量以上の圧縮水素、液化酸素、液化アンモニウム、液化石油ガス、液化塩素等（特定高圧ガス）を貯蔵して消費する場合は、高圧ガス保安法の次の条項に該当する場合があります。</t>
    <phoneticPr fontId="2"/>
  </si>
  <si>
    <t>　毒物又は劇物の容器及び被包に、「医薬用外」の文字及び毒物については赤地に白色をもつて「毒物」の文字、劇物については白地に赤色をもつて「劇物」の文字を表示しなければならない。
　毒物又は劇物を貯蔵し、又は陳列する場所に、「医薬用外」の文字及び毒物については「毒物」、劇物については「劇物」の文字を表示しなければならない。</t>
    <phoneticPr fontId="2"/>
  </si>
  <si>
    <t>シアン化水素、水銀、セレン、砒素等の毒物、アンモニア、塩化水素、過酸化水素、クロロホルム、四塩化炭素等の劇物を保管する場合は、厚生省薬務局長通知が該当します。</t>
    <rPh sb="52" eb="54">
      <t>ゲキブツ</t>
    </rPh>
    <rPh sb="55" eb="57">
      <t>ホカン</t>
    </rPh>
    <rPh sb="63" eb="66">
      <t>コウセイショウ</t>
    </rPh>
    <rPh sb="66" eb="67">
      <t>グスリ</t>
    </rPh>
    <rPh sb="67" eb="68">
      <t>ツトム</t>
    </rPh>
    <rPh sb="68" eb="70">
      <t>キョクチョウ</t>
    </rPh>
    <rPh sb="70" eb="72">
      <t>ツウチ</t>
    </rPh>
    <phoneticPr fontId="2"/>
  </si>
  <si>
    <t>　毒劇物を貯蔵、陳列等する場所は、その他の物を貯蔵、陳列等する場所と明確に区分された毒劇物専用のものとし、かぎをかける設備等のある堅固な施設とすること。
　貯蔵、陳列等する場所については、盗難防止のため敷地境界線から十分離すか又は一般の人が容易に近づけない措置を講ずること。</t>
    <phoneticPr fontId="2"/>
  </si>
  <si>
    <t>第７条（事業者の責務）</t>
    <phoneticPr fontId="2"/>
  </si>
  <si>
    <t>事業者は、その事業活動に伴って生じた使用済小型電子機器等を排出する場合にあっては、当該使用済小型電子機器等を分別して排出し、認定事業者その他使用済小型電子機器等の収集若しくは運搬又は再資源化を適正に実施し得る者に引き渡すよう努めなければならない。</t>
    <phoneticPr fontId="2"/>
  </si>
  <si>
    <t>労働者に健康障害を生ずるおそれのある化学物質（アセトン、アンモニア、エタノール、塩化水素、過酸化水素、ガソリン、軽油、水酸化ナトリウム、灯油等）を取り扱う場合、労働安全衛生法の次の条項が該当します。</t>
    <rPh sb="40" eb="42">
      <t>エンカ</t>
    </rPh>
    <rPh sb="42" eb="44">
      <t>スイソ</t>
    </rPh>
    <rPh sb="45" eb="48">
      <t>カサンカ</t>
    </rPh>
    <rPh sb="48" eb="50">
      <t>スイソ</t>
    </rPh>
    <rPh sb="56" eb="58">
      <t>ケイユ</t>
    </rPh>
    <rPh sb="59" eb="62">
      <t>スイサンカ</t>
    </rPh>
    <rPh sb="68" eb="70">
      <t>トウユ</t>
    </rPh>
    <rPh sb="70" eb="71">
      <t>トウ</t>
    </rPh>
    <rPh sb="77" eb="79">
      <t>バアイ</t>
    </rPh>
    <rPh sb="80" eb="82">
      <t>ロウドウ</t>
    </rPh>
    <rPh sb="82" eb="84">
      <t>アンゼン</t>
    </rPh>
    <rPh sb="84" eb="86">
      <t>エイセイ</t>
    </rPh>
    <rPh sb="86" eb="87">
      <t>ホウ</t>
    </rPh>
    <phoneticPr fontId="2"/>
  </si>
  <si>
    <t>第16条（第一種特定製品の管理者が構ずべき措置）</t>
    <rPh sb="0" eb="1">
      <t>ダイ</t>
    </rPh>
    <rPh sb="3" eb="4">
      <t>ジョウ</t>
    </rPh>
    <rPh sb="5" eb="6">
      <t>ダイ</t>
    </rPh>
    <rPh sb="6" eb="8">
      <t>イッシュ</t>
    </rPh>
    <rPh sb="8" eb="10">
      <t>トクテイ</t>
    </rPh>
    <rPh sb="10" eb="12">
      <t>セイヒン</t>
    </rPh>
    <rPh sb="13" eb="16">
      <t>カンリシャ</t>
    </rPh>
    <rPh sb="17" eb="18">
      <t>コウ</t>
    </rPh>
    <rPh sb="21" eb="23">
      <t>ソチ</t>
    </rPh>
    <phoneticPr fontId="2"/>
  </si>
  <si>
    <t>第19条（フロン類算定漏えい量等の報告等）</t>
    <rPh sb="0" eb="1">
      <t>ダイ</t>
    </rPh>
    <rPh sb="3" eb="4">
      <t>ジョウ</t>
    </rPh>
    <rPh sb="8" eb="9">
      <t>ルイ</t>
    </rPh>
    <rPh sb="9" eb="11">
      <t>サンテイ</t>
    </rPh>
    <rPh sb="11" eb="12">
      <t>ロウ</t>
    </rPh>
    <rPh sb="14" eb="15">
      <t>リョウ</t>
    </rPh>
    <rPh sb="15" eb="16">
      <t>トウ</t>
    </rPh>
    <rPh sb="17" eb="19">
      <t>ホウコク</t>
    </rPh>
    <rPh sb="19" eb="20">
      <t>トウ</t>
    </rPh>
    <phoneticPr fontId="2"/>
  </si>
  <si>
    <t>第一種特定製品の管理者でフロン類算定漏えい量が相当程度多い事業者は、毎年度、フロン類算定漏えい量等を、当該管理者に係る事業を所管する大臣に報告しなければならない。</t>
    <rPh sb="0" eb="1">
      <t>ダイ</t>
    </rPh>
    <rPh sb="1" eb="3">
      <t>イッシュ</t>
    </rPh>
    <rPh sb="3" eb="5">
      <t>トクテイ</t>
    </rPh>
    <rPh sb="5" eb="7">
      <t>セイヒン</t>
    </rPh>
    <rPh sb="8" eb="11">
      <t>カンリシャ</t>
    </rPh>
    <rPh sb="15" eb="16">
      <t>ルイ</t>
    </rPh>
    <rPh sb="16" eb="18">
      <t>サンテイ</t>
    </rPh>
    <rPh sb="18" eb="19">
      <t>ロウ</t>
    </rPh>
    <rPh sb="21" eb="22">
      <t>リョウ</t>
    </rPh>
    <rPh sb="23" eb="25">
      <t>ソウトウ</t>
    </rPh>
    <rPh sb="25" eb="27">
      <t>テイド</t>
    </rPh>
    <rPh sb="27" eb="28">
      <t>オオ</t>
    </rPh>
    <rPh sb="29" eb="32">
      <t>ジギョウシャ</t>
    </rPh>
    <rPh sb="34" eb="37">
      <t>マイネンド</t>
    </rPh>
    <rPh sb="41" eb="42">
      <t>ルイ</t>
    </rPh>
    <rPh sb="42" eb="44">
      <t>サンテイ</t>
    </rPh>
    <rPh sb="44" eb="45">
      <t>ロウ</t>
    </rPh>
    <rPh sb="47" eb="48">
      <t>リョウ</t>
    </rPh>
    <rPh sb="48" eb="49">
      <t>トウ</t>
    </rPh>
    <rPh sb="51" eb="53">
      <t>トウガイ</t>
    </rPh>
    <rPh sb="53" eb="56">
      <t>カンリシャ</t>
    </rPh>
    <rPh sb="57" eb="58">
      <t>カカ</t>
    </rPh>
    <rPh sb="59" eb="61">
      <t>ジギョウ</t>
    </rPh>
    <rPh sb="62" eb="64">
      <t>ショカン</t>
    </rPh>
    <rPh sb="66" eb="68">
      <t>ダイジン</t>
    </rPh>
    <rPh sb="69" eb="71">
      <t>ホウコク</t>
    </rPh>
    <phoneticPr fontId="2"/>
  </si>
  <si>
    <t>有害物質使用特定施設等を設置するものは、その施設について、有害物質を含む水の地下浸透防止のための構造基準等を遵守しなければならない。</t>
    <rPh sb="0" eb="2">
      <t>ユウガイ</t>
    </rPh>
    <rPh sb="2" eb="4">
      <t>ブッシツ</t>
    </rPh>
    <rPh sb="4" eb="6">
      <t>シヨウ</t>
    </rPh>
    <rPh sb="6" eb="8">
      <t>トクテイ</t>
    </rPh>
    <rPh sb="8" eb="11">
      <t>シセツトウ</t>
    </rPh>
    <rPh sb="12" eb="14">
      <t>セッチ</t>
    </rPh>
    <rPh sb="22" eb="24">
      <t>シセツ</t>
    </rPh>
    <rPh sb="29" eb="31">
      <t>ユウガイ</t>
    </rPh>
    <rPh sb="31" eb="33">
      <t>ブッシツ</t>
    </rPh>
    <rPh sb="34" eb="35">
      <t>フク</t>
    </rPh>
    <rPh sb="36" eb="37">
      <t>ミズ</t>
    </rPh>
    <rPh sb="38" eb="40">
      <t>チカ</t>
    </rPh>
    <rPh sb="40" eb="42">
      <t>シントウ</t>
    </rPh>
    <rPh sb="42" eb="44">
      <t>ボウシ</t>
    </rPh>
    <rPh sb="48" eb="50">
      <t>コウゾウ</t>
    </rPh>
    <rPh sb="50" eb="53">
      <t>キジュントウ</t>
    </rPh>
    <rPh sb="54" eb="56">
      <t>ジュンシュ</t>
    </rPh>
    <phoneticPr fontId="2"/>
  </si>
  <si>
    <t>指定事業所の設置の許可を受けた者（別表第１の61の項に掲げる作業を行う指定施設のみを設置する者を除く。）は、名称、許可年月日等の記載した表示板を掲示しなけれならない。</t>
    <rPh sb="0" eb="2">
      <t>シテイ</t>
    </rPh>
    <rPh sb="2" eb="4">
      <t>ジギョウ</t>
    </rPh>
    <rPh sb="4" eb="5">
      <t>ショ</t>
    </rPh>
    <rPh sb="6" eb="8">
      <t>セッチ</t>
    </rPh>
    <rPh sb="9" eb="11">
      <t>キョカ</t>
    </rPh>
    <rPh sb="12" eb="13">
      <t>ウ</t>
    </rPh>
    <rPh sb="15" eb="16">
      <t>モノ</t>
    </rPh>
    <rPh sb="17" eb="19">
      <t>ベッピョウ</t>
    </rPh>
    <rPh sb="19" eb="20">
      <t>ダイ</t>
    </rPh>
    <rPh sb="25" eb="26">
      <t>コウ</t>
    </rPh>
    <rPh sb="27" eb="28">
      <t>カカ</t>
    </rPh>
    <rPh sb="30" eb="32">
      <t>サギョウ</t>
    </rPh>
    <rPh sb="33" eb="34">
      <t>オコナ</t>
    </rPh>
    <rPh sb="35" eb="37">
      <t>シテイ</t>
    </rPh>
    <rPh sb="37" eb="39">
      <t>シセツ</t>
    </rPh>
    <rPh sb="42" eb="44">
      <t>セッチ</t>
    </rPh>
    <rPh sb="46" eb="47">
      <t>モノ</t>
    </rPh>
    <rPh sb="48" eb="49">
      <t>ノゾ</t>
    </rPh>
    <phoneticPr fontId="2"/>
  </si>
  <si>
    <t>第10条（変更の届出）</t>
    <rPh sb="0" eb="1">
      <t>ダイ</t>
    </rPh>
    <rPh sb="3" eb="4">
      <t>ジョウ</t>
    </rPh>
    <rPh sb="5" eb="7">
      <t>ヘンコウ</t>
    </rPh>
    <rPh sb="8" eb="9">
      <t>トドケ</t>
    </rPh>
    <rPh sb="9" eb="10">
      <t>デ</t>
    </rPh>
    <phoneticPr fontId="2"/>
  </si>
  <si>
    <t>指定事業所を廃止したとき、指定事業所に該当しなくなったとき、指定事業所の設置の計画を中止したとき、指定事業所に係る事業若しくは指定施設に係る指定作業を休止し、又は当該事業若しくは指定作業を再開したときは、その日から起算して３０日以内に知事に届出が必要。</t>
    <rPh sb="30" eb="32">
      <t>シテイ</t>
    </rPh>
    <rPh sb="32" eb="34">
      <t>ジギョウ</t>
    </rPh>
    <rPh sb="34" eb="35">
      <t>ショ</t>
    </rPh>
    <rPh sb="36" eb="38">
      <t>セッチ</t>
    </rPh>
    <rPh sb="39" eb="41">
      <t>ケイカク</t>
    </rPh>
    <rPh sb="42" eb="44">
      <t>チュウシ</t>
    </rPh>
    <rPh sb="49" eb="51">
      <t>シテイ</t>
    </rPh>
    <rPh sb="51" eb="53">
      <t>ジギョウ</t>
    </rPh>
    <rPh sb="53" eb="54">
      <t>ショ</t>
    </rPh>
    <rPh sb="55" eb="56">
      <t>カカ</t>
    </rPh>
    <rPh sb="57" eb="59">
      <t>ジギョウ</t>
    </rPh>
    <rPh sb="59" eb="60">
      <t>モ</t>
    </rPh>
    <rPh sb="63" eb="65">
      <t>シテイ</t>
    </rPh>
    <rPh sb="65" eb="67">
      <t>シセツ</t>
    </rPh>
    <rPh sb="68" eb="69">
      <t>カカ</t>
    </rPh>
    <rPh sb="70" eb="72">
      <t>シテイ</t>
    </rPh>
    <rPh sb="72" eb="74">
      <t>サギョウ</t>
    </rPh>
    <rPh sb="75" eb="77">
      <t>キュウシ</t>
    </rPh>
    <rPh sb="79" eb="80">
      <t>マタ</t>
    </rPh>
    <rPh sb="81" eb="83">
      <t>トウガイ</t>
    </rPh>
    <rPh sb="83" eb="85">
      <t>ジギョウ</t>
    </rPh>
    <rPh sb="85" eb="86">
      <t>モ</t>
    </rPh>
    <rPh sb="89" eb="91">
      <t>シテイ</t>
    </rPh>
    <rPh sb="91" eb="93">
      <t>サギョウ</t>
    </rPh>
    <rPh sb="94" eb="96">
      <t>サイカイ</t>
    </rPh>
    <phoneticPr fontId="2"/>
  </si>
  <si>
    <t>事業者及び消費者は、特定家庭用機器をなるべく長期間使用することにより、特定家庭用機器廃棄物の排出を抑制するよう努めるとともに、排出する場合は、収集・運搬・再商品化等をする者に適切に引き渡し、料金の支払に応じる。</t>
    <phoneticPr fontId="2"/>
  </si>
  <si>
    <t>排水基準に適合しない排出水を排出してはならない。</t>
    <phoneticPr fontId="2"/>
  </si>
  <si>
    <t>特定家庭用機器再商品化法（所管課：資源循環推進課）</t>
    <rPh sb="13" eb="15">
      <t>ショカン</t>
    </rPh>
    <rPh sb="15" eb="16">
      <t>カ</t>
    </rPh>
    <rPh sb="17" eb="19">
      <t>シゲン</t>
    </rPh>
    <rPh sb="19" eb="21">
      <t>ジュンカン</t>
    </rPh>
    <rPh sb="21" eb="23">
      <t>スイシン</t>
    </rPh>
    <rPh sb="23" eb="24">
      <t>カ</t>
    </rPh>
    <phoneticPr fontId="2"/>
  </si>
  <si>
    <t>使用済小型電子機器等の再資源化の促進に関する法律（所管課：資源循環推進課）</t>
    <rPh sb="25" eb="27">
      <t>ショカン</t>
    </rPh>
    <rPh sb="27" eb="28">
      <t>カ</t>
    </rPh>
    <rPh sb="29" eb="31">
      <t>シゲン</t>
    </rPh>
    <rPh sb="31" eb="33">
      <t>ジュンカン</t>
    </rPh>
    <rPh sb="33" eb="35">
      <t>スイシン</t>
    </rPh>
    <rPh sb="35" eb="36">
      <t>カ</t>
    </rPh>
    <phoneticPr fontId="2"/>
  </si>
  <si>
    <t>ＰＣＢ廃棄物の適正な処理の推進に関する特別措置法（所管課：資源循環推進課）</t>
    <rPh sb="25" eb="27">
      <t>ショカン</t>
    </rPh>
    <rPh sb="27" eb="28">
      <t>カ</t>
    </rPh>
    <rPh sb="29" eb="31">
      <t>シゲン</t>
    </rPh>
    <rPh sb="31" eb="33">
      <t>ジュンカン</t>
    </rPh>
    <rPh sb="33" eb="35">
      <t>スイシン</t>
    </rPh>
    <rPh sb="35" eb="36">
      <t>カ</t>
    </rPh>
    <phoneticPr fontId="2"/>
  </si>
  <si>
    <t>廃棄物の処理及び清掃に関する法律（所管課：資源循環推進課）</t>
    <rPh sb="17" eb="19">
      <t>ショカン</t>
    </rPh>
    <rPh sb="19" eb="20">
      <t>カ</t>
    </rPh>
    <rPh sb="21" eb="23">
      <t>シゲン</t>
    </rPh>
    <rPh sb="23" eb="25">
      <t>ジュンカン</t>
    </rPh>
    <rPh sb="25" eb="27">
      <t>スイシン</t>
    </rPh>
    <rPh sb="27" eb="28">
      <t>カ</t>
    </rPh>
    <phoneticPr fontId="2"/>
  </si>
  <si>
    <t>第一種特定製品廃棄等実施者及び第一種特定製品整備発注者は、第一種フロン類充塡回収業者又は第一種特定製品整備者の請求に応じて適正な料金の支払を行うことにより当該フロン類の回収等の費用を負担するものとする。</t>
    <rPh sb="9" eb="10">
      <t>トウ</t>
    </rPh>
    <rPh sb="10" eb="12">
      <t>ジッシ</t>
    </rPh>
    <rPh sb="13" eb="14">
      <t>オヨ</t>
    </rPh>
    <rPh sb="15" eb="16">
      <t>ダイ</t>
    </rPh>
    <rPh sb="16" eb="18">
      <t>イッシュ</t>
    </rPh>
    <rPh sb="18" eb="20">
      <t>トクテイ</t>
    </rPh>
    <rPh sb="20" eb="22">
      <t>セイヒン</t>
    </rPh>
    <rPh sb="22" eb="24">
      <t>セイビ</t>
    </rPh>
    <rPh sb="24" eb="27">
      <t>ハッチュウシャ</t>
    </rPh>
    <rPh sb="36" eb="38">
      <t>ジュウテン</t>
    </rPh>
    <rPh sb="42" eb="43">
      <t>マタ</t>
    </rPh>
    <rPh sb="44" eb="45">
      <t>ダイ</t>
    </rPh>
    <rPh sb="45" eb="47">
      <t>イッシュ</t>
    </rPh>
    <rPh sb="47" eb="49">
      <t>トクテイ</t>
    </rPh>
    <rPh sb="49" eb="51">
      <t>セイヒン</t>
    </rPh>
    <rPh sb="51" eb="53">
      <t>セイビ</t>
    </rPh>
    <rPh sb="53" eb="54">
      <t>シャ</t>
    </rPh>
    <phoneticPr fontId="2"/>
  </si>
  <si>
    <t>浄化槽法（所管課：生活衛生課）</t>
    <rPh sb="5" eb="7">
      <t>ショカン</t>
    </rPh>
    <rPh sb="7" eb="8">
      <t>カ</t>
    </rPh>
    <phoneticPr fontId="2"/>
  </si>
  <si>
    <t>ばい煙発生施設を設置する場合、工事開始６０日前までに届出が必要。</t>
    <phoneticPr fontId="2"/>
  </si>
  <si>
    <t>ばい煙発生施設の構造の変更をする場合、工事開始６０日前までに届出が必要。</t>
    <phoneticPr fontId="2"/>
  </si>
  <si>
    <t>ばい煙排出者は、ばい煙量又はばい煙濃度の測定が必要。また、結果は記録し保存しなければならない。</t>
    <phoneticPr fontId="2"/>
  </si>
  <si>
    <t>第７条（設置工事完了の届出）</t>
    <phoneticPr fontId="2"/>
  </si>
  <si>
    <t>第８条（変更の許可）</t>
    <phoneticPr fontId="2"/>
  </si>
  <si>
    <t>特定有害物質使用地又はダイオキシン類管理対象地において土地の区画形質の変更を行おうとするときは届出が必要。土地区画形質変更前に、土地区画形質の変更を行う区域全体及びそれに伴い状態が変化する区域の調査を実施し報告が必要。</t>
    <phoneticPr fontId="2"/>
  </si>
  <si>
    <t>自動車を運転又は使用する場合、神奈川県生活環境の保全等に関する条例の次の条項に該当します。</t>
    <rPh sb="0" eb="3">
      <t>ジドウシャ</t>
    </rPh>
    <rPh sb="4" eb="6">
      <t>ウンテン</t>
    </rPh>
    <rPh sb="6" eb="7">
      <t>マタ</t>
    </rPh>
    <rPh sb="8" eb="10">
      <t>シヨウ</t>
    </rPh>
    <rPh sb="12" eb="14">
      <t>バアイ</t>
    </rPh>
    <phoneticPr fontId="2"/>
  </si>
  <si>
    <t>粒子状物質の量を増大させる燃料（「重油」や「重油を混和した燃料」等）を、県内において自動車の燃料に使用することを禁止する。</t>
    <rPh sb="0" eb="3">
      <t>リュウシジョウ</t>
    </rPh>
    <rPh sb="3" eb="5">
      <t>ブッシツ</t>
    </rPh>
    <rPh sb="6" eb="7">
      <t>リョウ</t>
    </rPh>
    <rPh sb="8" eb="10">
      <t>ゾウダイ</t>
    </rPh>
    <rPh sb="13" eb="15">
      <t>ネンリョウ</t>
    </rPh>
    <rPh sb="17" eb="19">
      <t>ジュウユ</t>
    </rPh>
    <rPh sb="22" eb="24">
      <t>ジュウユ</t>
    </rPh>
    <rPh sb="25" eb="27">
      <t>コンワ</t>
    </rPh>
    <rPh sb="29" eb="31">
      <t>ネンリョウ</t>
    </rPh>
    <rPh sb="32" eb="33">
      <t>トウ</t>
    </rPh>
    <rPh sb="36" eb="38">
      <t>ケンナイ</t>
    </rPh>
    <rPh sb="42" eb="45">
      <t>ジドウシャ</t>
    </rPh>
    <rPh sb="46" eb="48">
      <t>ネンリョウ</t>
    </rPh>
    <rPh sb="49" eb="51">
      <t>シヨウ</t>
    </rPh>
    <rPh sb="56" eb="58">
      <t>キンシ</t>
    </rPh>
    <phoneticPr fontId="2"/>
  </si>
  <si>
    <t>指定地域内に特定施設を設置している者は、規制基準を遵守しなければならない。</t>
    <rPh sb="17" eb="18">
      <t>モノ</t>
    </rPh>
    <phoneticPr fontId="2"/>
  </si>
  <si>
    <t>特定施設を設置する場合は、工事開始３０日前までに市町村長に届出が必要。</t>
    <phoneticPr fontId="2"/>
  </si>
  <si>
    <t>特定施設の種類及び能力ごとの数等を変更する場合は、工事開始３０日前までに市町村長に届出が必要。</t>
    <rPh sb="7" eb="8">
      <t>オヨ</t>
    </rPh>
    <rPh sb="9" eb="11">
      <t>ノウリョク</t>
    </rPh>
    <phoneticPr fontId="2"/>
  </si>
  <si>
    <r>
      <t>指定地域内に特定施設を設置している者は、規制基準を遵守しなければならない</t>
    </r>
    <r>
      <rPr>
        <i/>
        <sz val="9"/>
        <rFont val="ＭＳ Ｐ明朝"/>
        <family val="1"/>
        <charset val="128"/>
      </rPr>
      <t>。</t>
    </r>
    <rPh sb="17" eb="18">
      <t>モノ</t>
    </rPh>
    <phoneticPr fontId="2"/>
  </si>
  <si>
    <t>ばい煙発生施設の排出口において排出基準に適合しないばい煙を排出してはならない。</t>
    <phoneticPr fontId="2"/>
  </si>
  <si>
    <t>排出ガスを排出し、又は排出水を排出する者は、当該排出ガス又は排出水に含まれるダイオキシン類の量が、大気基準適用施設にあっては排出ガスの排出口、水質基準対象施設にあっては当該水質基準対象施設を設置している水質基準適用事業場の排水口において、排出基準に適合しない排出ガス又は排出水を排出してはならない。</t>
    <rPh sb="22" eb="24">
      <t>トウガイ</t>
    </rPh>
    <phoneticPr fontId="2"/>
  </si>
  <si>
    <t>特定施設を設置するときは、代表者氏名、名称、所在地、特定施設の種類・構造・使用方法、発生ガス・汚水・廃液の処理方法等を届け出なければならない。</t>
    <rPh sb="42" eb="44">
      <t>ハッセイ</t>
    </rPh>
    <phoneticPr fontId="2"/>
  </si>
  <si>
    <t>届出の代表者氏名等の事項に変更があったときは３０日以内に届け出なければならない。</t>
    <phoneticPr fontId="2"/>
  </si>
  <si>
    <t>廃棄物焼却炉である特定施設から排出される集じん機によって集められたばいじん及び焼却灰その他の燃え殻の処分を行う場合には、当該ばいじん及び焼却灰その他の燃え殻に含まれるダイオキシン類の量が基準以内となるように処理しなければならない。</t>
    <rPh sb="60" eb="62">
      <t>トウガイ</t>
    </rPh>
    <phoneticPr fontId="2"/>
  </si>
  <si>
    <t>公害の防止上重要な変更については、事前に知事の許可が必要。</t>
    <rPh sb="0" eb="2">
      <t>コウガイ</t>
    </rPh>
    <rPh sb="3" eb="5">
      <t>ボウシ</t>
    </rPh>
    <rPh sb="5" eb="6">
      <t>ジョウ</t>
    </rPh>
    <rPh sb="6" eb="8">
      <t>ジュウヨウ</t>
    </rPh>
    <rPh sb="9" eb="11">
      <t>ヘンコウ</t>
    </rPh>
    <rPh sb="17" eb="19">
      <t>ジゼン</t>
    </rPh>
    <phoneticPr fontId="2"/>
  </si>
  <si>
    <t>第42条の３（化学物質の自主的な管理の状況の報告）</t>
    <rPh sb="0" eb="1">
      <t>ダイ</t>
    </rPh>
    <rPh sb="3" eb="4">
      <t>ジョウ</t>
    </rPh>
    <rPh sb="7" eb="9">
      <t>カガク</t>
    </rPh>
    <rPh sb="9" eb="11">
      <t>ブッシツ</t>
    </rPh>
    <rPh sb="12" eb="15">
      <t>ジシュテキ</t>
    </rPh>
    <rPh sb="16" eb="18">
      <t>カンリ</t>
    </rPh>
    <rPh sb="19" eb="21">
      <t>ジョウキョウ</t>
    </rPh>
    <rPh sb="22" eb="24">
      <t>ホウコク</t>
    </rPh>
    <phoneticPr fontId="2"/>
  </si>
  <si>
    <t>排水（公共用水域に排出または地下に浸透する場合で下水道への排除は該当しない）を１日当たり
３００m3以上排出する事業所は、月に１回排水の測定が必要。また、結果は記録し３年間保存しなければならない。</t>
    <rPh sb="30" eb="31">
      <t>ノゾ</t>
    </rPh>
    <rPh sb="52" eb="54">
      <t>ハイシュツ</t>
    </rPh>
    <rPh sb="61" eb="62">
      <t>ツキ</t>
    </rPh>
    <rPh sb="64" eb="65">
      <t>カイ</t>
    </rPh>
    <rPh sb="84" eb="86">
      <t>ネンカン</t>
    </rPh>
    <phoneticPr fontId="2"/>
  </si>
  <si>
    <t>第59条第３項本文若しくは第60条第２項の規定による調査（以下「条例調査」という。）又は土壌汚染対策法に基づく土壌汚染状況調査（同法第14条に係るものを除く。）の結果、土壌汚染（特定有害物質の土壌含有量の基準に係る場合を除く。）が判明したときは、当該条例調査を行った者又は当該土壌汚染状況調査をさせた者は、当該土壌汚染による地下水への影響を調査し、その結果を知事に報告しなければならない。</t>
    <rPh sb="0" eb="1">
      <t>ダイ</t>
    </rPh>
    <rPh sb="3" eb="4">
      <t>ジョウ</t>
    </rPh>
    <rPh sb="4" eb="5">
      <t>ダイ</t>
    </rPh>
    <rPh sb="6" eb="7">
      <t>コウ</t>
    </rPh>
    <rPh sb="7" eb="9">
      <t>ホンブン</t>
    </rPh>
    <rPh sb="9" eb="10">
      <t>モ</t>
    </rPh>
    <rPh sb="13" eb="14">
      <t>ダイ</t>
    </rPh>
    <rPh sb="16" eb="17">
      <t>ジョウ</t>
    </rPh>
    <rPh sb="17" eb="18">
      <t>ダイ</t>
    </rPh>
    <rPh sb="19" eb="20">
      <t>コウ</t>
    </rPh>
    <rPh sb="21" eb="23">
      <t>キテイ</t>
    </rPh>
    <rPh sb="26" eb="28">
      <t>チョウサ</t>
    </rPh>
    <rPh sb="29" eb="31">
      <t>イカ</t>
    </rPh>
    <rPh sb="32" eb="34">
      <t>ジョウレイ</t>
    </rPh>
    <rPh sb="34" eb="36">
      <t>チョウサ</t>
    </rPh>
    <rPh sb="42" eb="43">
      <t>マタ</t>
    </rPh>
    <rPh sb="44" eb="46">
      <t>ドジョウ</t>
    </rPh>
    <rPh sb="46" eb="48">
      <t>オセン</t>
    </rPh>
    <rPh sb="48" eb="50">
      <t>タイサク</t>
    </rPh>
    <rPh sb="50" eb="51">
      <t>ホウ</t>
    </rPh>
    <rPh sb="52" eb="53">
      <t>モト</t>
    </rPh>
    <rPh sb="55" eb="57">
      <t>ドジョウ</t>
    </rPh>
    <rPh sb="57" eb="59">
      <t>オセン</t>
    </rPh>
    <rPh sb="59" eb="61">
      <t>ジョウキョウ</t>
    </rPh>
    <rPh sb="61" eb="63">
      <t>チョウサ</t>
    </rPh>
    <rPh sb="64" eb="66">
      <t>ドウホウ</t>
    </rPh>
    <rPh sb="66" eb="67">
      <t>ダイ</t>
    </rPh>
    <rPh sb="69" eb="70">
      <t>ジョウ</t>
    </rPh>
    <rPh sb="71" eb="72">
      <t>カカ</t>
    </rPh>
    <rPh sb="76" eb="77">
      <t>ノゾ</t>
    </rPh>
    <rPh sb="81" eb="83">
      <t>ケッカ</t>
    </rPh>
    <rPh sb="84" eb="86">
      <t>ドジョウ</t>
    </rPh>
    <rPh sb="86" eb="88">
      <t>オセン</t>
    </rPh>
    <rPh sb="89" eb="91">
      <t>トクテイ</t>
    </rPh>
    <rPh sb="91" eb="93">
      <t>ユウガイ</t>
    </rPh>
    <rPh sb="93" eb="95">
      <t>ブッシツ</t>
    </rPh>
    <rPh sb="96" eb="98">
      <t>ドジョウ</t>
    </rPh>
    <rPh sb="98" eb="100">
      <t>ガンユウ</t>
    </rPh>
    <rPh sb="100" eb="101">
      <t>リョウ</t>
    </rPh>
    <rPh sb="102" eb="104">
      <t>キジュン</t>
    </rPh>
    <rPh sb="105" eb="106">
      <t>カカ</t>
    </rPh>
    <rPh sb="107" eb="109">
      <t>バアイ</t>
    </rPh>
    <rPh sb="110" eb="111">
      <t>ノゾ</t>
    </rPh>
    <rPh sb="115" eb="117">
      <t>ハンメイ</t>
    </rPh>
    <rPh sb="123" eb="125">
      <t>トウガイ</t>
    </rPh>
    <rPh sb="125" eb="127">
      <t>ジョウレイ</t>
    </rPh>
    <rPh sb="127" eb="129">
      <t>チョウサ</t>
    </rPh>
    <rPh sb="130" eb="131">
      <t>オコナ</t>
    </rPh>
    <rPh sb="133" eb="134">
      <t>モノ</t>
    </rPh>
    <rPh sb="134" eb="135">
      <t>マタ</t>
    </rPh>
    <rPh sb="136" eb="138">
      <t>トウガイ</t>
    </rPh>
    <rPh sb="138" eb="140">
      <t>ドジョウ</t>
    </rPh>
    <rPh sb="140" eb="142">
      <t>オセン</t>
    </rPh>
    <rPh sb="142" eb="144">
      <t>ジョウキョウ</t>
    </rPh>
    <rPh sb="144" eb="146">
      <t>チョウサ</t>
    </rPh>
    <rPh sb="150" eb="151">
      <t>モノ</t>
    </rPh>
    <rPh sb="153" eb="155">
      <t>トウガイ</t>
    </rPh>
    <rPh sb="155" eb="157">
      <t>ドジョウ</t>
    </rPh>
    <rPh sb="157" eb="159">
      <t>オセン</t>
    </rPh>
    <rPh sb="162" eb="165">
      <t>チカスイ</t>
    </rPh>
    <rPh sb="167" eb="169">
      <t>エイキョウ</t>
    </rPh>
    <rPh sb="170" eb="172">
      <t>チョウサ</t>
    </rPh>
    <rPh sb="176" eb="178">
      <t>ケッカ</t>
    </rPh>
    <rPh sb="179" eb="181">
      <t>チジ</t>
    </rPh>
    <rPh sb="182" eb="184">
      <t>ホウコク</t>
    </rPh>
    <phoneticPr fontId="2"/>
  </si>
  <si>
    <t>自動車を使用する事業者は、業務用の自動車の運転者にアイドリング・ストップを遵守させるよう、適切な措置を講じなければならない。</t>
    <rPh sb="0" eb="3">
      <t>ジドウシャ</t>
    </rPh>
    <rPh sb="4" eb="6">
      <t>シヨウ</t>
    </rPh>
    <rPh sb="8" eb="11">
      <t>ジギョウシャ</t>
    </rPh>
    <rPh sb="13" eb="16">
      <t>ギョウムヨウ</t>
    </rPh>
    <rPh sb="17" eb="20">
      <t>ジドウシャ</t>
    </rPh>
    <rPh sb="21" eb="24">
      <t>ウンテンシャ</t>
    </rPh>
    <rPh sb="37" eb="39">
      <t>ジュンシュ</t>
    </rPh>
    <rPh sb="45" eb="47">
      <t>テキセツ</t>
    </rPh>
    <rPh sb="48" eb="50">
      <t>ソチ</t>
    </rPh>
    <rPh sb="51" eb="52">
      <t>コウ</t>
    </rPh>
    <phoneticPr fontId="2"/>
  </si>
  <si>
    <t>５００㎡以上の駐車場等を管理する者は、看板､放送､書面等により、当該施設を利用する者にアイドリング・ストップをすべきことを周知させる措置を講じなければならない。</t>
    <rPh sb="10" eb="11">
      <t>トウ</t>
    </rPh>
    <rPh sb="12" eb="14">
      <t>カンリ</t>
    </rPh>
    <phoneticPr fontId="2"/>
  </si>
  <si>
    <t>第45条第3項（引取証明書の保存）</t>
    <rPh sb="0" eb="1">
      <t>ダイ</t>
    </rPh>
    <rPh sb="3" eb="4">
      <t>ジョウ</t>
    </rPh>
    <rPh sb="4" eb="5">
      <t>ダイ</t>
    </rPh>
    <rPh sb="6" eb="7">
      <t>コウ</t>
    </rPh>
    <rPh sb="8" eb="10">
      <t>ヒキトリ</t>
    </rPh>
    <rPh sb="10" eb="13">
      <t>ショウメイショ</t>
    </rPh>
    <rPh sb="14" eb="16">
      <t>ホゾン</t>
    </rPh>
    <phoneticPr fontId="2"/>
  </si>
  <si>
    <t>第45条第4項（引取証明書の交付を受けない場合等の措置）</t>
    <rPh sb="0" eb="1">
      <t>ダイ</t>
    </rPh>
    <rPh sb="3" eb="4">
      <t>ジョウ</t>
    </rPh>
    <rPh sb="4" eb="5">
      <t>ダイ</t>
    </rPh>
    <rPh sb="6" eb="7">
      <t>コウ</t>
    </rPh>
    <rPh sb="8" eb="9">
      <t>ヒ</t>
    </rPh>
    <rPh sb="9" eb="10">
      <t>トリ</t>
    </rPh>
    <rPh sb="10" eb="12">
      <t>ショウメイ</t>
    </rPh>
    <rPh sb="12" eb="13">
      <t>ショ</t>
    </rPh>
    <rPh sb="14" eb="16">
      <t>コウフ</t>
    </rPh>
    <rPh sb="17" eb="18">
      <t>ウ</t>
    </rPh>
    <rPh sb="21" eb="23">
      <t>バアイ</t>
    </rPh>
    <rPh sb="23" eb="24">
      <t>トウ</t>
    </rPh>
    <rPh sb="25" eb="27">
      <t>ソチ</t>
    </rPh>
    <phoneticPr fontId="2"/>
  </si>
  <si>
    <t>第７４条　（第一種特定製品廃棄等実施者等の費用負担）</t>
    <rPh sb="0" eb="1">
      <t>ダイ</t>
    </rPh>
    <rPh sb="3" eb="4">
      <t>ジョウ</t>
    </rPh>
    <rPh sb="15" eb="16">
      <t>トウ</t>
    </rPh>
    <rPh sb="16" eb="18">
      <t>ジッシ</t>
    </rPh>
    <rPh sb="19" eb="20">
      <t>トウ</t>
    </rPh>
    <phoneticPr fontId="2"/>
  </si>
  <si>
    <t>第８条第２項 （高濃度ＰＣＢ廃棄物の変更の届出）</t>
    <rPh sb="2" eb="3">
      <t>ジョウ</t>
    </rPh>
    <rPh sb="3" eb="4">
      <t>ダイ</t>
    </rPh>
    <rPh sb="5" eb="6">
      <t>コウ</t>
    </rPh>
    <rPh sb="18" eb="20">
      <t>ヘンコウ</t>
    </rPh>
    <rPh sb="21" eb="23">
      <t>トドケデ</t>
    </rPh>
    <phoneticPr fontId="2"/>
  </si>
  <si>
    <t>全ての高濃度ＰＣＢ廃棄物の処分を終えたものは、その旨を都道府県知事に届け出なければならない。</t>
    <phoneticPr fontId="2"/>
  </si>
  <si>
    <t>保管事業者は、処分期間内に低濃度ＰＣＢ廃棄物を自ら、または他人に委託して処分しなければならない。</t>
    <rPh sb="13" eb="16">
      <t>テイノウド</t>
    </rPh>
    <phoneticPr fontId="2"/>
  </si>
  <si>
    <t>第15条（低濃度ＰＣＢ廃棄物の保管等の届出、処分終了の届出）</t>
    <rPh sb="5" eb="8">
      <t>テイノウド</t>
    </rPh>
    <rPh sb="11" eb="14">
      <t>ハイキブツ</t>
    </rPh>
    <rPh sb="15" eb="17">
      <t>ホカン</t>
    </rPh>
    <rPh sb="17" eb="18">
      <t>トウ</t>
    </rPh>
    <rPh sb="19" eb="21">
      <t>トドケデ</t>
    </rPh>
    <rPh sb="22" eb="24">
      <t>ショブン</t>
    </rPh>
    <rPh sb="24" eb="26">
      <t>シュウリョウ</t>
    </rPh>
    <rPh sb="27" eb="29">
      <t>トドケデ</t>
    </rPh>
    <phoneticPr fontId="2"/>
  </si>
  <si>
    <t>全ての低濃度ＰＣＢ廃棄物の処分を終えたものは、その旨を都道府県知事に届け出なければならない。</t>
    <rPh sb="3" eb="6">
      <t>テイノウド</t>
    </rPh>
    <phoneticPr fontId="2"/>
  </si>
  <si>
    <t>第18条（高濃度ＰＣＢ使用製品の期間内の処分）</t>
    <rPh sb="0" eb="1">
      <t>ダイ</t>
    </rPh>
    <rPh sb="3" eb="4">
      <t>ジョウ</t>
    </rPh>
    <rPh sb="5" eb="8">
      <t>コウノウド</t>
    </rPh>
    <rPh sb="11" eb="13">
      <t>シヨウ</t>
    </rPh>
    <rPh sb="13" eb="15">
      <t>セイヒン</t>
    </rPh>
    <rPh sb="16" eb="19">
      <t>キカンナイ</t>
    </rPh>
    <rPh sb="20" eb="22">
      <t>ショブン</t>
    </rPh>
    <phoneticPr fontId="2"/>
  </si>
  <si>
    <t>第19条（高濃度ＰＣＢ使用製品の廃棄見込みの届出、廃棄終了の届出）</t>
    <rPh sb="0" eb="1">
      <t>ダイ</t>
    </rPh>
    <rPh sb="3" eb="4">
      <t>ジョウ</t>
    </rPh>
    <rPh sb="5" eb="8">
      <t>コウノウド</t>
    </rPh>
    <rPh sb="11" eb="13">
      <t>シヨウ</t>
    </rPh>
    <rPh sb="13" eb="15">
      <t>セイヒン</t>
    </rPh>
    <rPh sb="16" eb="18">
      <t>ハイキ</t>
    </rPh>
    <rPh sb="18" eb="20">
      <t>ミコ</t>
    </rPh>
    <rPh sb="22" eb="24">
      <t>トドケデ</t>
    </rPh>
    <rPh sb="25" eb="27">
      <t>ハイキ</t>
    </rPh>
    <rPh sb="27" eb="29">
      <t>シュウリョウ</t>
    </rPh>
    <rPh sb="30" eb="32">
      <t>トドケデ</t>
    </rPh>
    <phoneticPr fontId="2"/>
  </si>
  <si>
    <t>全ての高濃度ＰＣＢ使用製品の廃棄を終えたものは、その旨を都道府県知事に届け出なければならない。</t>
    <rPh sb="0" eb="1">
      <t>スベ</t>
    </rPh>
    <rPh sb="3" eb="6">
      <t>コウノウド</t>
    </rPh>
    <rPh sb="9" eb="11">
      <t>シヨウ</t>
    </rPh>
    <rPh sb="11" eb="13">
      <t>セイヒン</t>
    </rPh>
    <rPh sb="14" eb="16">
      <t>ハイキ</t>
    </rPh>
    <rPh sb="17" eb="18">
      <t>オ</t>
    </rPh>
    <rPh sb="26" eb="27">
      <t>ムネ</t>
    </rPh>
    <rPh sb="28" eb="32">
      <t>トドウフケン</t>
    </rPh>
    <rPh sb="32" eb="34">
      <t>チジ</t>
    </rPh>
    <rPh sb="35" eb="36">
      <t>トド</t>
    </rPh>
    <rPh sb="37" eb="38">
      <t>デ</t>
    </rPh>
    <phoneticPr fontId="2"/>
  </si>
  <si>
    <t>ＰＣＢ廃棄物及びＰＣＢ使用製品を自らの責任において確実かつ適正に処理しなければならない。</t>
    <rPh sb="6" eb="7">
      <t>オヨ</t>
    </rPh>
    <rPh sb="11" eb="13">
      <t>シヨウ</t>
    </rPh>
    <rPh sb="13" eb="15">
      <t>セイヒン</t>
    </rPh>
    <phoneticPr fontId="2"/>
  </si>
  <si>
    <t>第８条第１項（高濃度ＰＣＢ廃棄物の保管等の届出）</t>
    <rPh sb="2" eb="3">
      <t>ジョウ</t>
    </rPh>
    <rPh sb="3" eb="4">
      <t>ダイ</t>
    </rPh>
    <rPh sb="5" eb="6">
      <t>コウ</t>
    </rPh>
    <rPh sb="7" eb="10">
      <t>コウノウド</t>
    </rPh>
    <rPh sb="13" eb="16">
      <t>ハイキブツ</t>
    </rPh>
    <phoneticPr fontId="2"/>
  </si>
  <si>
    <t>保管事業者は、処分期間内に高濃度ＰＣＢ廃棄物を自ら、または他人に委託して処分しなければならない。</t>
    <rPh sb="0" eb="2">
      <t>ホカン</t>
    </rPh>
    <rPh sb="7" eb="9">
      <t>ショブン</t>
    </rPh>
    <rPh sb="9" eb="11">
      <t>キカン</t>
    </rPh>
    <rPh sb="11" eb="12">
      <t>ナイ</t>
    </rPh>
    <rPh sb="13" eb="16">
      <t>コウノウド</t>
    </rPh>
    <phoneticPr fontId="2"/>
  </si>
  <si>
    <t>条例に基づき、その下水による障害を除去する施設（除害施設）を設けなければならない。</t>
    <rPh sb="0" eb="2">
      <t>ジョウレイ</t>
    </rPh>
    <rPh sb="3" eb="4">
      <t>モト</t>
    </rPh>
    <rPh sb="9" eb="11">
      <t>ゲスイ</t>
    </rPh>
    <rPh sb="14" eb="16">
      <t>ショウガイ</t>
    </rPh>
    <rPh sb="17" eb="19">
      <t>ジョキョ</t>
    </rPh>
    <rPh sb="21" eb="23">
      <t>シセツ</t>
    </rPh>
    <phoneticPr fontId="2"/>
  </si>
  <si>
    <t>特定施設を設置するときは、代表者氏名、名称、所在地、特定施設の種類・構造・使用方法、汚水の処理方法、排出水の汚染状態・量等を市町村の下水道部局に届け出なければならない。</t>
    <phoneticPr fontId="2"/>
  </si>
  <si>
    <t>届出の代表者氏名等の事項に変更があったときや特定施設の使用を廃止したときは、３０日以内に市町村の下水道部局に届け出なければならない。</t>
    <phoneticPr fontId="2"/>
  </si>
  <si>
    <t>届出者の地位を承継したときは３０日以内に市町村の下水道部局に届け出なければならない。</t>
    <phoneticPr fontId="2"/>
  </si>
  <si>
    <t>第10条（氏名の変更等の届出）</t>
    <phoneticPr fontId="2"/>
  </si>
  <si>
    <t>第12条（排出水の排出の制限）</t>
    <phoneticPr fontId="2"/>
  </si>
  <si>
    <t>第14条（排出水の汚染状態の測定等）</t>
    <phoneticPr fontId="2"/>
  </si>
  <si>
    <t>第14条の２（事故時の措置）</t>
    <phoneticPr fontId="2"/>
  </si>
  <si>
    <t>第11条の２ （使用の開始等の届出）</t>
    <rPh sb="8" eb="10">
      <t>シヨウ</t>
    </rPh>
    <rPh sb="11" eb="13">
      <t>カイシ</t>
    </rPh>
    <rPh sb="13" eb="14">
      <t>ナド</t>
    </rPh>
    <rPh sb="15" eb="16">
      <t>トド</t>
    </rPh>
    <rPh sb="16" eb="17">
      <t>デ</t>
    </rPh>
    <phoneticPr fontId="2"/>
  </si>
  <si>
    <t>第12条 （除害施設の設置等）</t>
    <rPh sb="13" eb="14">
      <t>トウ</t>
    </rPh>
    <phoneticPr fontId="2"/>
  </si>
  <si>
    <t>第12条の２ （特定事業場からの下水の排除の制限）</t>
    <phoneticPr fontId="2"/>
  </si>
  <si>
    <t>第12条の３ 第１項（特定施設の設置の届出）</t>
    <phoneticPr fontId="2"/>
  </si>
  <si>
    <t>第12条の３ 第２項、第３項（特定施設の使用の届出）</t>
    <phoneticPr fontId="2"/>
  </si>
  <si>
    <t>第12条の４ （特定施設の構造等の変更の届出）</t>
    <phoneticPr fontId="2"/>
  </si>
  <si>
    <t>第12条の６ （実施の制限）</t>
    <rPh sb="8" eb="10">
      <t>ジッシ</t>
    </rPh>
    <rPh sb="11" eb="13">
      <t>セイゲン</t>
    </rPh>
    <phoneticPr fontId="2"/>
  </si>
  <si>
    <t>第12条の７ （氏名の変更等の届出）</t>
    <phoneticPr fontId="2"/>
  </si>
  <si>
    <t>第12条の８ （承継）</t>
    <phoneticPr fontId="2"/>
  </si>
  <si>
    <t>第12条の９ （事故時の措置）</t>
    <rPh sb="8" eb="11">
      <t>ジコジ</t>
    </rPh>
    <rPh sb="12" eb="14">
      <t>ソチ</t>
    </rPh>
    <phoneticPr fontId="2"/>
  </si>
  <si>
    <t>第12条の12 （水質の測定義務等）</t>
    <rPh sb="16" eb="17">
      <t>ナド</t>
    </rPh>
    <phoneticPr fontId="2"/>
  </si>
  <si>
    <t>第12条の11 （除害施設の設置等）</t>
    <rPh sb="16" eb="17">
      <t>トウ</t>
    </rPh>
    <phoneticPr fontId="2"/>
  </si>
  <si>
    <t>第３条 （浄化槽によるし尿処理等）</t>
    <phoneticPr fontId="2"/>
  </si>
  <si>
    <t>第10条 （浄化槽管理者の義務）</t>
    <phoneticPr fontId="2"/>
  </si>
  <si>
    <t>第11条（危険物施設の設置、変更等）</t>
    <phoneticPr fontId="2"/>
  </si>
  <si>
    <t>第10条（危険物の貯蔵及び取り扱いの制限等）</t>
    <phoneticPr fontId="2"/>
  </si>
  <si>
    <t>第13条（危険物の保安を監督する者）</t>
    <phoneticPr fontId="2"/>
  </si>
  <si>
    <t>第17条</t>
    <phoneticPr fontId="2"/>
  </si>
  <si>
    <t>第17条の３の３</t>
    <phoneticPr fontId="2"/>
  </si>
  <si>
    <t>第19条</t>
    <phoneticPr fontId="2"/>
  </si>
  <si>
    <t>第24条の２（消費）</t>
    <phoneticPr fontId="2"/>
  </si>
  <si>
    <t>第24条の３（技術上の基準）</t>
    <phoneticPr fontId="2"/>
  </si>
  <si>
    <t>第11条（毒物又は劇物の取扱）</t>
    <rPh sb="0" eb="1">
      <t>ダイ</t>
    </rPh>
    <rPh sb="3" eb="4">
      <t>ジョウ</t>
    </rPh>
    <rPh sb="5" eb="7">
      <t>ドクブツ</t>
    </rPh>
    <rPh sb="7" eb="8">
      <t>マタ</t>
    </rPh>
    <rPh sb="9" eb="11">
      <t>ゲキブツ</t>
    </rPh>
    <rPh sb="12" eb="14">
      <t>トリアツカ</t>
    </rPh>
    <phoneticPr fontId="2"/>
  </si>
  <si>
    <t>第12条（毒物又は劇物の表示）</t>
    <rPh sb="0" eb="1">
      <t>ダイ</t>
    </rPh>
    <rPh sb="3" eb="4">
      <t>ジョウ</t>
    </rPh>
    <rPh sb="5" eb="7">
      <t>ドクブツ</t>
    </rPh>
    <rPh sb="7" eb="8">
      <t>マタ</t>
    </rPh>
    <rPh sb="9" eb="11">
      <t>ゲキブツ</t>
    </rPh>
    <rPh sb="12" eb="14">
      <t>ヒョウジ</t>
    </rPh>
    <phoneticPr fontId="2"/>
  </si>
  <si>
    <t>第15条の２（廃棄）</t>
    <phoneticPr fontId="2"/>
  </si>
  <si>
    <t>第13条（ばい煙の排出の制限）</t>
    <phoneticPr fontId="2"/>
  </si>
  <si>
    <t>第16条（ばい煙量等の測定）</t>
    <phoneticPr fontId="2"/>
  </si>
  <si>
    <t>第12条（特定施設の設置の届出）　</t>
    <phoneticPr fontId="2"/>
  </si>
  <si>
    <t>第14条（特定施設の構造等の変更の届出）</t>
    <phoneticPr fontId="2"/>
  </si>
  <si>
    <t>第18条（氏名の変更等の届出）</t>
    <phoneticPr fontId="2"/>
  </si>
  <si>
    <t>第20条（排出の制限）</t>
    <phoneticPr fontId="2"/>
  </si>
  <si>
    <t>第23条（事故時の措置）</t>
    <phoneticPr fontId="2"/>
  </si>
  <si>
    <t>第24条（廃棄物焼却炉に係るばいじん等の処理）</t>
    <phoneticPr fontId="2"/>
  </si>
  <si>
    <t>第28条（設置者による測定）</t>
    <phoneticPr fontId="2"/>
  </si>
  <si>
    <t>第12条（廃止等の届出）</t>
    <phoneticPr fontId="2"/>
  </si>
  <si>
    <t>第27条（排煙の測定）</t>
    <phoneticPr fontId="2"/>
  </si>
  <si>
    <t>第31条（排水の測定）</t>
    <phoneticPr fontId="2"/>
  </si>
  <si>
    <t>第42条（化学物質の削減に向けた取組の推進等）</t>
    <rPh sb="0" eb="1">
      <t>ダイ</t>
    </rPh>
    <rPh sb="3" eb="4">
      <t>ジョウ</t>
    </rPh>
    <rPh sb="5" eb="7">
      <t>カガク</t>
    </rPh>
    <rPh sb="7" eb="9">
      <t>ブッシツ</t>
    </rPh>
    <rPh sb="10" eb="12">
      <t>サクゲン</t>
    </rPh>
    <rPh sb="13" eb="14">
      <t>ム</t>
    </rPh>
    <rPh sb="16" eb="18">
      <t>トリクミ</t>
    </rPh>
    <rPh sb="19" eb="21">
      <t>スイシン</t>
    </rPh>
    <rPh sb="21" eb="22">
      <t>トウ</t>
    </rPh>
    <phoneticPr fontId="2"/>
  </si>
  <si>
    <t>第94条第２項（アイドリングストップの推進）</t>
    <rPh sb="4" eb="5">
      <t>ダイ</t>
    </rPh>
    <rPh sb="6" eb="7">
      <t>コウ</t>
    </rPh>
    <rPh sb="19" eb="21">
      <t>スイシン</t>
    </rPh>
    <phoneticPr fontId="2"/>
  </si>
  <si>
    <t>第95条第２項</t>
    <rPh sb="4" eb="5">
      <t>ダイ</t>
    </rPh>
    <rPh sb="6" eb="7">
      <t>コウ</t>
    </rPh>
    <phoneticPr fontId="2"/>
  </si>
  <si>
    <t>第96条の９第１項（粒子状物質の量を増大させる燃料の使用禁止等）</t>
    <rPh sb="6" eb="7">
      <t>ダイ</t>
    </rPh>
    <rPh sb="8" eb="9">
      <t>コウ</t>
    </rPh>
    <rPh sb="10" eb="13">
      <t>リュウシジョウ</t>
    </rPh>
    <rPh sb="13" eb="15">
      <t>ブッシツ</t>
    </rPh>
    <rPh sb="16" eb="17">
      <t>リョウ</t>
    </rPh>
    <rPh sb="18" eb="20">
      <t>ゾウダイ</t>
    </rPh>
    <rPh sb="23" eb="25">
      <t>ネンリョウ</t>
    </rPh>
    <rPh sb="26" eb="28">
      <t>シヨウ</t>
    </rPh>
    <rPh sb="28" eb="30">
      <t>キンシ</t>
    </rPh>
    <rPh sb="30" eb="31">
      <t>トウ</t>
    </rPh>
    <phoneticPr fontId="2"/>
  </si>
  <si>
    <t>第10条第１項（高濃度ＰＣＢ廃棄物の期間内の処分）</t>
    <rPh sb="4" eb="5">
      <t>ダイ</t>
    </rPh>
    <rPh sb="6" eb="7">
      <t>コウ</t>
    </rPh>
    <phoneticPr fontId="2"/>
  </si>
  <si>
    <t>第10条第２項（処分終了の届出）</t>
    <phoneticPr fontId="2"/>
  </si>
  <si>
    <t>第12条（事業者の処理）</t>
    <phoneticPr fontId="2"/>
  </si>
  <si>
    <t>第12条の２（事業者の特別管理産業廃棄物に係る処理）</t>
    <phoneticPr fontId="2"/>
  </si>
  <si>
    <t>第43条（第一種特定製品廃棄等実施者による書面の交付等）</t>
    <rPh sb="0" eb="1">
      <t>ダイ</t>
    </rPh>
    <rPh sb="3" eb="4">
      <t>ジョウ</t>
    </rPh>
    <rPh sb="14" eb="15">
      <t>トウ</t>
    </rPh>
    <rPh sb="15" eb="17">
      <t>ジッシ</t>
    </rPh>
    <rPh sb="21" eb="23">
      <t>ショメン</t>
    </rPh>
    <rPh sb="24" eb="26">
      <t>コウフ</t>
    </rPh>
    <rPh sb="26" eb="27">
      <t>トウ</t>
    </rPh>
    <phoneticPr fontId="2"/>
  </si>
  <si>
    <t>設置後等の浄化槽は、使用開始後３月を経過したときより５月以内に指定検査機関による水質検査を受けなければならない。</t>
    <phoneticPr fontId="2"/>
  </si>
  <si>
    <t>指定数量以上の危険物は、貯蔵所以外の場所で貯蔵してはならない。
危険物の貯蔵は技術上の基準に従うこと。</t>
    <phoneticPr fontId="2"/>
  </si>
  <si>
    <t>防火管理者を定め、消防計画の作成、消火、通報及び避難の訓練の実施、消防の用に供する設備等の点検及び整備、火気の使用又は取扱いに関する監督、避難又は防火上必要な構造及び設備の維持管理並びに収容人員の管理その他防火管理上必要な業務を行なわせなければならない。</t>
    <phoneticPr fontId="2"/>
  </si>
  <si>
    <t>学校、病院、事業場等の関係者は、技術上の基準に従つて、消防の用に供する設備、消防用水及び消火活動上必要な施設を設置し、及び維持しなければならない。</t>
    <phoneticPr fontId="2"/>
  </si>
  <si>
    <t>消防用設備等について、定期に資格を有する者に点検させ、その他のものにあつては自ら点検し、その結果を消防長又は消防署長に報告しなければならない。</t>
    <phoneticPr fontId="2"/>
  </si>
  <si>
    <t>特定高圧ガスを相当程度貯蔵して消費する者は、消費開始の日の20日前までに、施設の位置、構造、設備、消費の方法等を届け出なければならない。</t>
    <phoneticPr fontId="2"/>
  </si>
  <si>
    <t>引火性、発火性又は爆発性のある毒物又は劇物は、業務その他正当な理由による場合を除いては、所持してはならない。</t>
    <phoneticPr fontId="2"/>
  </si>
  <si>
    <t>所有事業者は、処分期間内に高濃度ＰＣＢ使用製品を自ら、または他人に委託して処分しなければならない。</t>
    <rPh sb="0" eb="2">
      <t>ショユウ</t>
    </rPh>
    <rPh sb="13" eb="16">
      <t>コウノウド</t>
    </rPh>
    <rPh sb="19" eb="21">
      <t>シヨウ</t>
    </rPh>
    <rPh sb="21" eb="23">
      <t>セイヒン</t>
    </rPh>
    <phoneticPr fontId="2"/>
  </si>
  <si>
    <t>所有事業者は、毎年度、高濃度ＰＣＢ使用製品の廃棄の見込みを都道府県知事に届け出なければならない。</t>
    <rPh sb="0" eb="2">
      <t>ショユウ</t>
    </rPh>
    <rPh sb="2" eb="5">
      <t>ジギョウシャ</t>
    </rPh>
    <rPh sb="11" eb="14">
      <t>コウノウド</t>
    </rPh>
    <rPh sb="17" eb="19">
      <t>シヨウ</t>
    </rPh>
    <rPh sb="19" eb="21">
      <t>セイヒン</t>
    </rPh>
    <rPh sb="22" eb="24">
      <t>ハイキ</t>
    </rPh>
    <rPh sb="25" eb="27">
      <t>ミコ</t>
    </rPh>
    <rPh sb="38" eb="39">
      <t>デ</t>
    </rPh>
    <phoneticPr fontId="2"/>
  </si>
  <si>
    <t>高濃度ＰＣＢ廃棄物を保管するもの及びＰＣＢ廃棄物を処分するものは、毎年度、保管・処分の状況を都道府県知事に届け出なければならない。</t>
    <rPh sb="0" eb="3">
      <t>コウノウド</t>
    </rPh>
    <rPh sb="6" eb="9">
      <t>ハイキブツ</t>
    </rPh>
    <rPh sb="10" eb="12">
      <t>ホカン</t>
    </rPh>
    <rPh sb="16" eb="17">
      <t>オヨ</t>
    </rPh>
    <rPh sb="55" eb="56">
      <t>デ</t>
    </rPh>
    <phoneticPr fontId="2"/>
  </si>
  <si>
    <t>高濃度ＰＣＢ廃棄物の所在地を変更した場合は、変更のあった日から10日以内に都道府県知事に届け出なければならない。</t>
    <rPh sb="0" eb="3">
      <t>コウノウド</t>
    </rPh>
    <rPh sb="6" eb="9">
      <t>ハイキブツ</t>
    </rPh>
    <rPh sb="10" eb="13">
      <t>ショザイチ</t>
    </rPh>
    <rPh sb="14" eb="16">
      <t>ヘンコウ</t>
    </rPh>
    <rPh sb="18" eb="20">
      <t>バアイ</t>
    </rPh>
    <rPh sb="22" eb="24">
      <t>ヘンコウ</t>
    </rPh>
    <rPh sb="28" eb="29">
      <t>ヒ</t>
    </rPh>
    <rPh sb="33" eb="34">
      <t>ニチ</t>
    </rPh>
    <rPh sb="34" eb="36">
      <t>イナイ</t>
    </rPh>
    <rPh sb="37" eb="41">
      <t>トドウフケン</t>
    </rPh>
    <rPh sb="41" eb="43">
      <t>チジ</t>
    </rPh>
    <rPh sb="44" eb="45">
      <t>トド</t>
    </rPh>
    <rPh sb="46" eb="47">
      <t>デ</t>
    </rPh>
    <phoneticPr fontId="2"/>
  </si>
  <si>
    <t>低濃度ＰＣＢ廃棄物を保管するものは、毎年度、保管・処分の状況を都道府県知事に届け出なければならない。</t>
    <rPh sb="0" eb="3">
      <t>テイノウド</t>
    </rPh>
    <rPh sb="40" eb="41">
      <t>デ</t>
    </rPh>
    <phoneticPr fontId="2"/>
  </si>
  <si>
    <t>第57条の３（事業者が行うべき調査等）</t>
    <rPh sb="0" eb="1">
      <t>ダイ</t>
    </rPh>
    <rPh sb="3" eb="4">
      <t>ジョウ</t>
    </rPh>
    <rPh sb="7" eb="10">
      <t>ジギョウシャ</t>
    </rPh>
    <rPh sb="11" eb="12">
      <t>オコナ</t>
    </rPh>
    <rPh sb="15" eb="17">
      <t>チョウサ</t>
    </rPh>
    <rPh sb="17" eb="18">
      <t>ナド</t>
    </rPh>
    <phoneticPr fontId="2"/>
  </si>
  <si>
    <t>事業者は、化学物質等の危険性又は有害性等を調査しなければならない。この調査の結果に基づいて、規定の措置を講ずるほか、労働者の危険又は健康障害を防止するため必要な措置を講ずるように努めなければならない。 
※労働安全衛生法で定める物質については、労働安全衛生法施行令第18条、別表第三、別表第九参照</t>
    <rPh sb="9" eb="10">
      <t>トウ</t>
    </rPh>
    <rPh sb="11" eb="14">
      <t>キケンセイ</t>
    </rPh>
    <rPh sb="14" eb="15">
      <t>マタ</t>
    </rPh>
    <rPh sb="16" eb="19">
      <t>ユウガイセイ</t>
    </rPh>
    <rPh sb="19" eb="20">
      <t>トウ</t>
    </rPh>
    <rPh sb="21" eb="23">
      <t>チョウサ</t>
    </rPh>
    <rPh sb="133" eb="134">
      <t>ダイ</t>
    </rPh>
    <rPh sb="136" eb="137">
      <t>ジョウ</t>
    </rPh>
    <rPh sb="141" eb="142">
      <t>サン</t>
    </rPh>
    <rPh sb="143" eb="145">
      <t>ベッピョウ</t>
    </rPh>
    <rPh sb="145" eb="146">
      <t>ダイ</t>
    </rPh>
    <rPh sb="147" eb="149">
      <t>サンショウ</t>
    </rPh>
    <phoneticPr fontId="2"/>
  </si>
  <si>
    <t>水銀等貯蔵者であって、その貯蔵する水銀等の量が主務省令で定める要件に該当する者は、定期的に、水銀等の貯蔵に関し主務省令に定める事項を主務大臣に報告しなければならない。</t>
    <rPh sb="0" eb="2">
      <t>スイギン</t>
    </rPh>
    <rPh sb="2" eb="3">
      <t>ナド</t>
    </rPh>
    <rPh sb="3" eb="5">
      <t>チョゾウ</t>
    </rPh>
    <rPh sb="5" eb="6">
      <t>シャ</t>
    </rPh>
    <rPh sb="13" eb="15">
      <t>チョゾウ</t>
    </rPh>
    <rPh sb="17" eb="19">
      <t>スイギン</t>
    </rPh>
    <rPh sb="19" eb="20">
      <t>ナド</t>
    </rPh>
    <rPh sb="21" eb="22">
      <t>リョウ</t>
    </rPh>
    <rPh sb="23" eb="25">
      <t>シュム</t>
    </rPh>
    <rPh sb="25" eb="27">
      <t>ショウレイ</t>
    </rPh>
    <rPh sb="28" eb="29">
      <t>サダ</t>
    </rPh>
    <rPh sb="31" eb="33">
      <t>ヨウケン</t>
    </rPh>
    <rPh sb="34" eb="36">
      <t>ガイトウ</t>
    </rPh>
    <rPh sb="38" eb="39">
      <t>モノ</t>
    </rPh>
    <rPh sb="41" eb="44">
      <t>テイキテキ</t>
    </rPh>
    <rPh sb="46" eb="48">
      <t>スイギン</t>
    </rPh>
    <rPh sb="48" eb="49">
      <t>ナド</t>
    </rPh>
    <rPh sb="50" eb="52">
      <t>チョゾウ</t>
    </rPh>
    <rPh sb="53" eb="54">
      <t>カン</t>
    </rPh>
    <rPh sb="55" eb="57">
      <t>シュム</t>
    </rPh>
    <rPh sb="57" eb="59">
      <t>ショウレイ</t>
    </rPh>
    <rPh sb="60" eb="61">
      <t>サダ</t>
    </rPh>
    <rPh sb="63" eb="65">
      <t>ジコウ</t>
    </rPh>
    <rPh sb="66" eb="68">
      <t>シュム</t>
    </rPh>
    <rPh sb="68" eb="70">
      <t>ダイジン</t>
    </rPh>
    <rPh sb="71" eb="73">
      <t>ホウコク</t>
    </rPh>
    <phoneticPr fontId="2"/>
  </si>
  <si>
    <t>水銀含有再生資源管理者は、定期的に水銀含有再生資源の管理に関し定める事項を、主務大臣に報告しなければならない。</t>
    <rPh sb="0" eb="2">
      <t>スイギン</t>
    </rPh>
    <rPh sb="2" eb="4">
      <t>ガンユウ</t>
    </rPh>
    <rPh sb="4" eb="6">
      <t>サイセイ</t>
    </rPh>
    <rPh sb="6" eb="8">
      <t>シゲン</t>
    </rPh>
    <rPh sb="8" eb="11">
      <t>カンリシャ</t>
    </rPh>
    <rPh sb="13" eb="15">
      <t>テイキ</t>
    </rPh>
    <rPh sb="15" eb="16">
      <t>テキ</t>
    </rPh>
    <rPh sb="17" eb="19">
      <t>スイギン</t>
    </rPh>
    <rPh sb="19" eb="21">
      <t>ガンユウ</t>
    </rPh>
    <rPh sb="21" eb="23">
      <t>サイセイ</t>
    </rPh>
    <rPh sb="23" eb="25">
      <t>シゲン</t>
    </rPh>
    <rPh sb="26" eb="28">
      <t>カンリ</t>
    </rPh>
    <rPh sb="29" eb="30">
      <t>カン</t>
    </rPh>
    <rPh sb="31" eb="32">
      <t>サダ</t>
    </rPh>
    <rPh sb="34" eb="36">
      <t>ジコウ</t>
    </rPh>
    <rPh sb="38" eb="40">
      <t>シュム</t>
    </rPh>
    <rPh sb="40" eb="42">
      <t>ダイジン</t>
    </rPh>
    <rPh sb="43" eb="45">
      <t>ホウコク</t>
    </rPh>
    <phoneticPr fontId="2"/>
  </si>
  <si>
    <t>水銀等を貯蔵する者は、主務大臣が定める貯蔵に係る水銀等による環境の汚染を防止するためにとるべき措置に関する技術上の指針に従い、管理を行うものとする。</t>
    <rPh sb="0" eb="2">
      <t>スイギン</t>
    </rPh>
    <rPh sb="2" eb="3">
      <t>ナド</t>
    </rPh>
    <rPh sb="4" eb="6">
      <t>チョゾウ</t>
    </rPh>
    <rPh sb="8" eb="9">
      <t>モノ</t>
    </rPh>
    <rPh sb="11" eb="13">
      <t>シュム</t>
    </rPh>
    <rPh sb="13" eb="15">
      <t>ダイジン</t>
    </rPh>
    <rPh sb="16" eb="17">
      <t>サダ</t>
    </rPh>
    <rPh sb="19" eb="21">
      <t>チョゾウ</t>
    </rPh>
    <rPh sb="22" eb="23">
      <t>カカワ</t>
    </rPh>
    <rPh sb="24" eb="26">
      <t>スイギン</t>
    </rPh>
    <rPh sb="26" eb="27">
      <t>ナド</t>
    </rPh>
    <rPh sb="30" eb="32">
      <t>カンキョウ</t>
    </rPh>
    <rPh sb="33" eb="35">
      <t>オセン</t>
    </rPh>
    <rPh sb="36" eb="38">
      <t>ボウシ</t>
    </rPh>
    <rPh sb="47" eb="49">
      <t>ソチ</t>
    </rPh>
    <rPh sb="50" eb="51">
      <t>カン</t>
    </rPh>
    <rPh sb="53" eb="55">
      <t>ギジュツ</t>
    </rPh>
    <rPh sb="55" eb="56">
      <t>ジョウ</t>
    </rPh>
    <rPh sb="57" eb="59">
      <t>シシン</t>
    </rPh>
    <rPh sb="60" eb="61">
      <t>シタガ</t>
    </rPh>
    <rPh sb="63" eb="65">
      <t>カンリ</t>
    </rPh>
    <rPh sb="66" eb="67">
      <t>オコナ</t>
    </rPh>
    <phoneticPr fontId="2"/>
  </si>
  <si>
    <t>水銀含有再生資源を管理する者は、主務大臣が定める水銀含有再生資源の管理に係る環境の汚染を防止するためにとるべき措置に関する技術上の指針に従い、管理を行うものとする。</t>
    <rPh sb="0" eb="2">
      <t>スイギン</t>
    </rPh>
    <rPh sb="2" eb="4">
      <t>ガンユウ</t>
    </rPh>
    <rPh sb="4" eb="6">
      <t>サイセイ</t>
    </rPh>
    <rPh sb="6" eb="8">
      <t>シゲン</t>
    </rPh>
    <rPh sb="9" eb="11">
      <t>カンリ</t>
    </rPh>
    <rPh sb="13" eb="14">
      <t>モノ</t>
    </rPh>
    <rPh sb="16" eb="18">
      <t>シュム</t>
    </rPh>
    <rPh sb="18" eb="20">
      <t>ダイジン</t>
    </rPh>
    <rPh sb="21" eb="22">
      <t>サダ</t>
    </rPh>
    <rPh sb="24" eb="26">
      <t>スイギン</t>
    </rPh>
    <rPh sb="26" eb="28">
      <t>ガンユウ</t>
    </rPh>
    <rPh sb="28" eb="30">
      <t>サイセイ</t>
    </rPh>
    <rPh sb="30" eb="32">
      <t>シゲン</t>
    </rPh>
    <rPh sb="33" eb="35">
      <t>カンリ</t>
    </rPh>
    <rPh sb="36" eb="37">
      <t>カカワ</t>
    </rPh>
    <rPh sb="38" eb="40">
      <t>カンキョウ</t>
    </rPh>
    <rPh sb="41" eb="43">
      <t>オセン</t>
    </rPh>
    <rPh sb="44" eb="46">
      <t>ボウシ</t>
    </rPh>
    <rPh sb="55" eb="57">
      <t>ソチ</t>
    </rPh>
    <rPh sb="58" eb="59">
      <t>カン</t>
    </rPh>
    <rPh sb="61" eb="63">
      <t>ギジュツ</t>
    </rPh>
    <rPh sb="63" eb="64">
      <t>ジョウ</t>
    </rPh>
    <rPh sb="65" eb="67">
      <t>シシン</t>
    </rPh>
    <rPh sb="68" eb="69">
      <t>シタガ</t>
    </rPh>
    <rPh sb="71" eb="73">
      <t>カンリ</t>
    </rPh>
    <rPh sb="74" eb="75">
      <t>オコナ</t>
    </rPh>
    <phoneticPr fontId="2"/>
  </si>
  <si>
    <t>一定量以上の水銀を保管する場合や、水銀含有再生資源に該当し、かつ水銀の回収等の再生利用が行われるものであって有用なものについて、水銀汚染防止法が該当します。</t>
    <rPh sb="0" eb="2">
      <t>イッテイ</t>
    </rPh>
    <rPh sb="2" eb="3">
      <t>リョウ</t>
    </rPh>
    <rPh sb="3" eb="5">
      <t>イジョウ</t>
    </rPh>
    <rPh sb="6" eb="8">
      <t>スイギン</t>
    </rPh>
    <rPh sb="9" eb="11">
      <t>ホカン</t>
    </rPh>
    <rPh sb="13" eb="15">
      <t>バアイ</t>
    </rPh>
    <rPh sb="17" eb="19">
      <t>スイギン</t>
    </rPh>
    <rPh sb="19" eb="21">
      <t>ガンユウ</t>
    </rPh>
    <rPh sb="21" eb="23">
      <t>サイセイ</t>
    </rPh>
    <rPh sb="23" eb="25">
      <t>シゲン</t>
    </rPh>
    <rPh sb="26" eb="28">
      <t>ガイトウ</t>
    </rPh>
    <rPh sb="32" eb="34">
      <t>スイギン</t>
    </rPh>
    <rPh sb="35" eb="37">
      <t>カイシュウ</t>
    </rPh>
    <rPh sb="37" eb="38">
      <t>ナド</t>
    </rPh>
    <rPh sb="39" eb="41">
      <t>サイセイ</t>
    </rPh>
    <rPh sb="41" eb="43">
      <t>リヨウ</t>
    </rPh>
    <rPh sb="44" eb="45">
      <t>オコナ</t>
    </rPh>
    <rPh sb="54" eb="56">
      <t>ユウヨウ</t>
    </rPh>
    <rPh sb="64" eb="66">
      <t>スイギン</t>
    </rPh>
    <rPh sb="66" eb="68">
      <t>オセン</t>
    </rPh>
    <rPh sb="68" eb="70">
      <t>ボウシ</t>
    </rPh>
    <rPh sb="70" eb="71">
      <t>ホウ</t>
    </rPh>
    <rPh sb="72" eb="74">
      <t>ガイトウ</t>
    </rPh>
    <phoneticPr fontId="2"/>
  </si>
  <si>
    <t>第21条（水銀等貯蔵者が講ずべき措置）</t>
    <rPh sb="0" eb="1">
      <t>ダイ</t>
    </rPh>
    <rPh sb="3" eb="4">
      <t>ジョウ</t>
    </rPh>
    <rPh sb="5" eb="7">
      <t>スイギン</t>
    </rPh>
    <rPh sb="7" eb="8">
      <t>ナド</t>
    </rPh>
    <rPh sb="8" eb="10">
      <t>チョゾウ</t>
    </rPh>
    <rPh sb="10" eb="11">
      <t>シャ</t>
    </rPh>
    <rPh sb="12" eb="13">
      <t>コウ</t>
    </rPh>
    <rPh sb="16" eb="18">
      <t>ソチ</t>
    </rPh>
    <phoneticPr fontId="2"/>
  </si>
  <si>
    <t>第23条（水銀含有再生資源管理者が講ずべき措置）</t>
    <rPh sb="0" eb="1">
      <t>ダイ</t>
    </rPh>
    <rPh sb="3" eb="4">
      <t>ジョウ</t>
    </rPh>
    <rPh sb="5" eb="7">
      <t>スイギン</t>
    </rPh>
    <rPh sb="7" eb="9">
      <t>ガンユウ</t>
    </rPh>
    <rPh sb="9" eb="11">
      <t>サイセイ</t>
    </rPh>
    <rPh sb="11" eb="13">
      <t>シゲン</t>
    </rPh>
    <rPh sb="13" eb="16">
      <t>カンリシャ</t>
    </rPh>
    <rPh sb="17" eb="18">
      <t>コウ</t>
    </rPh>
    <rPh sb="21" eb="23">
      <t>ソチ</t>
    </rPh>
    <phoneticPr fontId="2"/>
  </si>
  <si>
    <t>第24条（水銀含有再生資源の定期報告）</t>
    <rPh sb="0" eb="1">
      <t>ダイ</t>
    </rPh>
    <rPh sb="3" eb="4">
      <t>ジョウ</t>
    </rPh>
    <rPh sb="5" eb="7">
      <t>スイギン</t>
    </rPh>
    <rPh sb="7" eb="9">
      <t>ガンユウ</t>
    </rPh>
    <rPh sb="9" eb="11">
      <t>サイセイ</t>
    </rPh>
    <rPh sb="11" eb="13">
      <t>シゲン</t>
    </rPh>
    <rPh sb="14" eb="16">
      <t>テイキ</t>
    </rPh>
    <rPh sb="16" eb="18">
      <t>ホウコク</t>
    </rPh>
    <phoneticPr fontId="2"/>
  </si>
  <si>
    <t>政令で定める量・水質を超える下水を公共下水道へ排水する場合は、下水道法の次の条項に該当します。</t>
    <rPh sb="0" eb="2">
      <t>セイレイ</t>
    </rPh>
    <rPh sb="3" eb="4">
      <t>サダ</t>
    </rPh>
    <rPh sb="6" eb="7">
      <t>リョウ</t>
    </rPh>
    <rPh sb="8" eb="10">
      <t>スイシツ</t>
    </rPh>
    <rPh sb="11" eb="12">
      <t>コ</t>
    </rPh>
    <rPh sb="14" eb="16">
      <t>ゲスイ</t>
    </rPh>
    <rPh sb="17" eb="19">
      <t>コウキョウ</t>
    </rPh>
    <rPh sb="19" eb="22">
      <t>ゲスイドウ</t>
    </rPh>
    <rPh sb="23" eb="25">
      <t>ハイスイ</t>
    </rPh>
    <rPh sb="27" eb="29">
      <t>バアイ</t>
    </rPh>
    <phoneticPr fontId="2"/>
  </si>
  <si>
    <t>試験研究機関、大学、農業・水産・工業高等学校や専門学校・職業訓練施設、保健所や家畜保健衛生所の洗浄施設（水等での洗い場）等の特定施設を持つ事業場は水質汚濁防止法の次の条項に該当します。</t>
    <phoneticPr fontId="2"/>
  </si>
  <si>
    <t>著しく下水道施設の機能を妨げたり施設を損傷するおそれのある下水を公共下水道へ排水する場合は、下水道法の次の条項に該当します。</t>
    <rPh sb="0" eb="1">
      <t>イチジル</t>
    </rPh>
    <rPh sb="29" eb="31">
      <t>ゲスイ</t>
    </rPh>
    <rPh sb="32" eb="34">
      <t>コウキョウ</t>
    </rPh>
    <rPh sb="38" eb="40">
      <t>ハイスイ</t>
    </rPh>
    <phoneticPr fontId="2"/>
  </si>
  <si>
    <t>排水基準に適合しない下水を排水してはならない。（違反した場合は、直ちに処罰の対象となる〔直罰規定〕）</t>
    <rPh sb="13" eb="15">
      <t>ハイスイ</t>
    </rPh>
    <rPh sb="24" eb="26">
      <t>イハン</t>
    </rPh>
    <rPh sb="28" eb="30">
      <t>バアイ</t>
    </rPh>
    <rPh sb="32" eb="33">
      <t>タダ</t>
    </rPh>
    <rPh sb="35" eb="37">
      <t>ショバツ</t>
    </rPh>
    <rPh sb="38" eb="40">
      <t>タイショウ</t>
    </rPh>
    <rPh sb="44" eb="45">
      <t>チョク</t>
    </rPh>
    <rPh sb="45" eb="46">
      <t>バツ</t>
    </rPh>
    <rPh sb="46" eb="48">
      <t>キテイ</t>
    </rPh>
    <phoneticPr fontId="2"/>
  </si>
  <si>
    <t>条例に基づき、排水基準に適合しない下水を排水する者は除害施設を設置しなければならない。</t>
    <rPh sb="20" eb="22">
      <t>ハイスイ</t>
    </rPh>
    <phoneticPr fontId="2"/>
  </si>
  <si>
    <t>興奮、幻覚又は麻酔の作用を有する毒物又は劇物（これらを含有する物を含む）は、みだりに摂取し、若しくは吸入し、又はこれらの目的で所持してはならない。</t>
    <rPh sb="16" eb="18">
      <t>ドクブツ</t>
    </rPh>
    <rPh sb="27" eb="29">
      <t>ガンユウ</t>
    </rPh>
    <rPh sb="31" eb="32">
      <t>モノ</t>
    </rPh>
    <rPh sb="33" eb="34">
      <t>フク</t>
    </rPh>
    <phoneticPr fontId="2"/>
  </si>
  <si>
    <t xml:space="preserve">　毒物又は劇物が盗難にあい、又は紛失することを防ぐのに必要な措置を講じなければならない。
　毒物若しくは劇物又は毒物若しくは劇物を含有する物で政令で定めるものが店舗又は研究所の外に飛散し、漏れ、流れ出、若しくはしみ出、又はこれらの施設の地下にしみ込むことを防ぐのに必要な措置を講じなければならない。
　店舗又は研究所の外において毒物若しくは劇物等を運搬する場合には、これらの物が飛散し、漏れ、流れ出、又はしみ出ることを防ぐのに必要な措置を講じなければならない。
　毒物又は厚生労働省令で定める劇物については、その容器として、飲食物の容器として通常使用される物を使用してはならない。 </t>
    <rPh sb="46" eb="48">
      <t>ドクブツ</t>
    </rPh>
    <rPh sb="48" eb="49">
      <t>モ</t>
    </rPh>
    <phoneticPr fontId="2"/>
  </si>
  <si>
    <t>毒物若しくは劇物又は毒物若しくは劇物を含有する物であって政令で定めるものは、廃棄の方法について技術上の基準に従わなければ、廃棄してはならない。</t>
    <rPh sb="8" eb="9">
      <t>マタ</t>
    </rPh>
    <rPh sb="10" eb="12">
      <t>ドクブツ</t>
    </rPh>
    <rPh sb="12" eb="13">
      <t>モ</t>
    </rPh>
    <rPh sb="16" eb="18">
      <t>ゲキブツ</t>
    </rPh>
    <rPh sb="19" eb="21">
      <t>ガンユウ</t>
    </rPh>
    <rPh sb="23" eb="24">
      <t>モノ</t>
    </rPh>
    <rPh sb="28" eb="30">
      <t>セイレイ</t>
    </rPh>
    <rPh sb="31" eb="32">
      <t>サダ</t>
    </rPh>
    <phoneticPr fontId="2"/>
  </si>
  <si>
    <t>　毒物若しくは劇物又は毒物若しくは劇物を含有する物であって政令で定めるものが飛散し、漏れ、流れ出、しみ出、又は地下にしみ込んだ場合において、不特定又は多数の者について保健衛生上の危害が生ずるおそれがあるときは、直ちに、その旨を保健所、警察署又は消防機関に届け出るとともに、保健衛生上の危害を防止するために必要な応急の措置を講じなければならない。
　毒物又は劇物が盗難にあい、又は紛失したときは、直ちにその旨を警察署に届け出なければならない。</t>
    <phoneticPr fontId="2"/>
  </si>
  <si>
    <r>
      <t>毒物及び劇物の保管管理について</t>
    </r>
    <r>
      <rPr>
        <sz val="6"/>
        <rFont val="ＭＳ ゴシック"/>
        <family val="3"/>
        <charset val="128"/>
      </rPr>
      <t>(昭和五二年三月二六日)(薬発第三一三号)(各都府県知事あて厚生省薬務局長通知)</t>
    </r>
    <phoneticPr fontId="2"/>
  </si>
  <si>
    <r>
      <t>第５条</t>
    </r>
    <r>
      <rPr>
        <sz val="8"/>
        <rFont val="ＭＳ Ｐ明朝"/>
        <family val="1"/>
        <charset val="128"/>
      </rPr>
      <t>（規制基準の遵守義務）</t>
    </r>
    <phoneticPr fontId="2"/>
  </si>
  <si>
    <r>
      <t>第６条</t>
    </r>
    <r>
      <rPr>
        <sz val="8"/>
        <rFont val="ＭＳ Ｐ明朝"/>
        <family val="1"/>
        <charset val="128"/>
      </rPr>
      <t>（特定施設の設置の届出）</t>
    </r>
    <phoneticPr fontId="2"/>
  </si>
  <si>
    <r>
      <t>第５条</t>
    </r>
    <r>
      <rPr>
        <sz val="8"/>
        <rFont val="ＭＳ Ｐ明朝"/>
        <family val="1"/>
        <charset val="128"/>
      </rPr>
      <t>（規制基準の遵守義務）</t>
    </r>
    <phoneticPr fontId="2"/>
  </si>
  <si>
    <t>事業系一般廃棄物の運搬及び処分を委託する際は、市町村一般廃棄物処理計画に従って許可を受けた業者に委託すること。委託内容は委託基準が適用される。</t>
    <rPh sb="0" eb="3">
      <t>ジギョウケイ</t>
    </rPh>
    <rPh sb="3" eb="8">
      <t>イッパンハイキブツ</t>
    </rPh>
    <rPh sb="9" eb="11">
      <t>ウンパン</t>
    </rPh>
    <rPh sb="11" eb="12">
      <t>オヨ</t>
    </rPh>
    <rPh sb="13" eb="15">
      <t>ショブン</t>
    </rPh>
    <rPh sb="14" eb="15">
      <t>ブン</t>
    </rPh>
    <rPh sb="16" eb="18">
      <t>イタク</t>
    </rPh>
    <rPh sb="20" eb="21">
      <t>サイ</t>
    </rPh>
    <rPh sb="23" eb="26">
      <t>シチョウソン</t>
    </rPh>
    <rPh sb="26" eb="31">
      <t>イッパンハイキブツ</t>
    </rPh>
    <rPh sb="31" eb="33">
      <t>ショリ</t>
    </rPh>
    <rPh sb="33" eb="35">
      <t>ケイカク</t>
    </rPh>
    <rPh sb="36" eb="37">
      <t>シタガ</t>
    </rPh>
    <rPh sb="39" eb="41">
      <t>キョカ</t>
    </rPh>
    <rPh sb="42" eb="43">
      <t>ウ</t>
    </rPh>
    <rPh sb="45" eb="47">
      <t>ギョウシャ</t>
    </rPh>
    <rPh sb="48" eb="50">
      <t>イタク</t>
    </rPh>
    <rPh sb="55" eb="57">
      <t>イタク</t>
    </rPh>
    <rPh sb="57" eb="59">
      <t>ナイヨウ</t>
    </rPh>
    <rPh sb="60" eb="62">
      <t>イタク</t>
    </rPh>
    <rPh sb="62" eb="64">
      <t>キジュン</t>
    </rPh>
    <rPh sb="65" eb="67">
      <t>テキヨウ</t>
    </rPh>
    <phoneticPr fontId="2"/>
  </si>
  <si>
    <t>（特別管理）産業廃棄物の運搬又は処分を委託する場合は、引渡しと同時に運搬受託者（処分の委託のみの場合は処分受託者）にマニフェストを交付する必要がある。
送付されたマニフェストは５年間保存しなければならない。
中間処理業者からのマニフェストが９０日以内（特別管理産業廃棄物は60日）（最終処分業者からのマニフェストは１８０日以内）に送付されない場合は、必要な措置を講じ、返送期限が経過した日から30日以内に知事等に報告書を提出する。
マニフェストの交付状況は６月３０日までに前年度の実績を知事等に報告。</t>
    <rPh sb="1" eb="3">
      <t>トクベツ</t>
    </rPh>
    <rPh sb="3" eb="5">
      <t>カンリ</t>
    </rPh>
    <rPh sb="12" eb="14">
      <t>ウンパン</t>
    </rPh>
    <rPh sb="14" eb="15">
      <t>マタ</t>
    </rPh>
    <rPh sb="16" eb="18">
      <t>ショブン</t>
    </rPh>
    <rPh sb="34" eb="36">
      <t>ウンパン</t>
    </rPh>
    <rPh sb="36" eb="39">
      <t>ジュタクシャ</t>
    </rPh>
    <rPh sb="40" eb="42">
      <t>ショブン</t>
    </rPh>
    <rPh sb="43" eb="45">
      <t>イタク</t>
    </rPh>
    <rPh sb="48" eb="50">
      <t>バアイ</t>
    </rPh>
    <rPh sb="51" eb="53">
      <t>ショブン</t>
    </rPh>
    <rPh sb="53" eb="56">
      <t>ジュタクシャ</t>
    </rPh>
    <rPh sb="126" eb="128">
      <t>トクベツ</t>
    </rPh>
    <rPh sb="128" eb="130">
      <t>カンリ</t>
    </rPh>
    <rPh sb="130" eb="132">
      <t>サンギョウ</t>
    </rPh>
    <rPh sb="132" eb="135">
      <t>ハイキブツ</t>
    </rPh>
    <rPh sb="138" eb="139">
      <t>ニチ</t>
    </rPh>
    <rPh sb="175" eb="177">
      <t>ヒツヨウ</t>
    </rPh>
    <rPh sb="178" eb="180">
      <t>ソチ</t>
    </rPh>
    <rPh sb="181" eb="182">
      <t>コウ</t>
    </rPh>
    <rPh sb="184" eb="186">
      <t>ヘンソウ</t>
    </rPh>
    <rPh sb="186" eb="188">
      <t>キゲン</t>
    </rPh>
    <rPh sb="189" eb="191">
      <t>ケイカ</t>
    </rPh>
    <rPh sb="193" eb="194">
      <t>ヒ</t>
    </rPh>
    <rPh sb="198" eb="199">
      <t>ニチ</t>
    </rPh>
    <rPh sb="199" eb="201">
      <t>イナイ</t>
    </rPh>
    <rPh sb="204" eb="205">
      <t>トウ</t>
    </rPh>
    <rPh sb="245" eb="246">
      <t>トウ</t>
    </rPh>
    <phoneticPr fontId="2"/>
  </si>
  <si>
    <t>第一種特定製品廃棄等実施者は、当該第一種特定製品の解体その他処分、再利用を目的とした引き取り又は譲受け（以下「引取等」という）を行おうとする者（以下「第一種特定製品引取実施者」という）に当該製品を引き渡すときは、引取証明書の写しを交付しなければならない</t>
    <rPh sb="9" eb="10">
      <t>トウ</t>
    </rPh>
    <rPh sb="10" eb="12">
      <t>ジッシ</t>
    </rPh>
    <rPh sb="15" eb="17">
      <t>トウガイ</t>
    </rPh>
    <rPh sb="17" eb="18">
      <t>ダイ</t>
    </rPh>
    <rPh sb="18" eb="20">
      <t>イチシュ</t>
    </rPh>
    <rPh sb="20" eb="22">
      <t>トクテイ</t>
    </rPh>
    <rPh sb="22" eb="24">
      <t>セイヒン</t>
    </rPh>
    <rPh sb="25" eb="27">
      <t>カイタイ</t>
    </rPh>
    <rPh sb="29" eb="30">
      <t>タ</t>
    </rPh>
    <rPh sb="30" eb="32">
      <t>ショブン</t>
    </rPh>
    <rPh sb="33" eb="36">
      <t>サイリヨウ</t>
    </rPh>
    <rPh sb="37" eb="39">
      <t>モクテキ</t>
    </rPh>
    <rPh sb="42" eb="43">
      <t>ヒ</t>
    </rPh>
    <rPh sb="44" eb="45">
      <t>ト</t>
    </rPh>
    <rPh sb="46" eb="47">
      <t>マタ</t>
    </rPh>
    <rPh sb="48" eb="50">
      <t>ユズリウケ</t>
    </rPh>
    <rPh sb="52" eb="54">
      <t>イカ</t>
    </rPh>
    <rPh sb="55" eb="57">
      <t>ヒキトリ</t>
    </rPh>
    <rPh sb="57" eb="58">
      <t>ナド</t>
    </rPh>
    <rPh sb="64" eb="65">
      <t>オコナ</t>
    </rPh>
    <rPh sb="70" eb="71">
      <t>モノ</t>
    </rPh>
    <rPh sb="72" eb="74">
      <t>イカ</t>
    </rPh>
    <rPh sb="75" eb="76">
      <t>ダイ</t>
    </rPh>
    <rPh sb="76" eb="78">
      <t>イチシュ</t>
    </rPh>
    <rPh sb="78" eb="80">
      <t>トクテイ</t>
    </rPh>
    <rPh sb="80" eb="82">
      <t>セイヒン</t>
    </rPh>
    <rPh sb="82" eb="84">
      <t>ヒキトリ</t>
    </rPh>
    <rPh sb="84" eb="87">
      <t>ジッシシャ</t>
    </rPh>
    <rPh sb="93" eb="95">
      <t>トウガイ</t>
    </rPh>
    <rPh sb="95" eb="97">
      <t>セイヒン</t>
    </rPh>
    <rPh sb="98" eb="99">
      <t>ヒ</t>
    </rPh>
    <rPh sb="100" eb="101">
      <t>ワタ</t>
    </rPh>
    <rPh sb="106" eb="108">
      <t>ヒキトリ</t>
    </rPh>
    <rPh sb="108" eb="111">
      <t>ショウメイショ</t>
    </rPh>
    <rPh sb="112" eb="113">
      <t>ウツ</t>
    </rPh>
    <rPh sb="115" eb="117">
      <t>コウフ</t>
    </rPh>
    <phoneticPr fontId="2"/>
  </si>
  <si>
    <t>第45条の二第1項（第一種特定製品の引取等）</t>
    <rPh sb="0" eb="1">
      <t>ダイ</t>
    </rPh>
    <rPh sb="3" eb="4">
      <t>ジョウ</t>
    </rPh>
    <rPh sb="5" eb="6">
      <t>ニ</t>
    </rPh>
    <rPh sb="6" eb="7">
      <t>ダイ</t>
    </rPh>
    <rPh sb="8" eb="9">
      <t>コウ</t>
    </rPh>
    <rPh sb="10" eb="11">
      <t>ダイ</t>
    </rPh>
    <rPh sb="11" eb="12">
      <t>イチ</t>
    </rPh>
    <rPh sb="12" eb="13">
      <t>シュ</t>
    </rPh>
    <rPh sb="13" eb="15">
      <t>トクテイ</t>
    </rPh>
    <rPh sb="15" eb="17">
      <t>セイヒン</t>
    </rPh>
    <rPh sb="18" eb="20">
      <t>ヒキトリ</t>
    </rPh>
    <rPh sb="20" eb="21">
      <t>ナド</t>
    </rPh>
    <phoneticPr fontId="2"/>
  </si>
  <si>
    <t>資源化可能な古紙は、事業者自らが種類別に分別しリサイクルしなければならず、焼却工場へ搬入することはできない。</t>
    <phoneticPr fontId="2"/>
  </si>
  <si>
    <t>事業者は、排煙に関する規制基準を遵守しなければならない。</t>
    <rPh sb="5" eb="7">
      <t>ハイエン</t>
    </rPh>
    <rPh sb="8" eb="9">
      <t>カン</t>
    </rPh>
    <phoneticPr fontId="9"/>
  </si>
  <si>
    <t>第25条（排煙規制基準の順守）</t>
    <rPh sb="0" eb="1">
      <t>ダイ</t>
    </rPh>
    <rPh sb="3" eb="4">
      <t>ジョウ</t>
    </rPh>
    <rPh sb="5" eb="7">
      <t>ハイエン</t>
    </rPh>
    <rPh sb="7" eb="9">
      <t>キセイ</t>
    </rPh>
    <rPh sb="9" eb="11">
      <t>キジュン</t>
    </rPh>
    <rPh sb="12" eb="14">
      <t>ジュンシュ</t>
    </rPh>
    <phoneticPr fontId="9"/>
  </si>
  <si>
    <r>
      <t>第101条第２</t>
    </r>
    <r>
      <rPr>
        <sz val="9"/>
        <rFont val="ＭＳ Ｐ明朝"/>
        <family val="1"/>
        <charset val="128"/>
      </rPr>
      <t>項（法令等の周知）</t>
    </r>
    <rPh sb="0" eb="1">
      <t>ダイ</t>
    </rPh>
    <rPh sb="4" eb="5">
      <t>ジョウ</t>
    </rPh>
    <rPh sb="5" eb="6">
      <t>ダイ</t>
    </rPh>
    <rPh sb="7" eb="8">
      <t>コウ</t>
    </rPh>
    <rPh sb="9" eb="12">
      <t>ホウレイトウ</t>
    </rPh>
    <rPh sb="13" eb="15">
      <t>シュウチ</t>
    </rPh>
    <phoneticPr fontId="2"/>
  </si>
  <si>
    <t>第11条の４（貯蔵する危険物の品名、数量の変更等）</t>
    <rPh sb="0" eb="1">
      <t>ダイ</t>
    </rPh>
    <rPh sb="3" eb="4">
      <t>ジョウ</t>
    </rPh>
    <rPh sb="7" eb="9">
      <t>チョゾウ</t>
    </rPh>
    <rPh sb="11" eb="14">
      <t>キケンブツ</t>
    </rPh>
    <rPh sb="15" eb="17">
      <t>ヒンメイ</t>
    </rPh>
    <rPh sb="18" eb="19">
      <t>スウ</t>
    </rPh>
    <rPh sb="19" eb="20">
      <t>リョウ</t>
    </rPh>
    <rPh sb="21" eb="23">
      <t>ヘンコウ</t>
    </rPh>
    <rPh sb="23" eb="24">
      <t>ナド</t>
    </rPh>
    <phoneticPr fontId="9"/>
  </si>
  <si>
    <t>第14条の３の２（定期点検等）</t>
    <rPh sb="9" eb="11">
      <t>テイキ</t>
    </rPh>
    <rPh sb="11" eb="13">
      <t>テンケン</t>
    </rPh>
    <rPh sb="13" eb="14">
      <t>ナド</t>
    </rPh>
    <phoneticPr fontId="2"/>
  </si>
  <si>
    <t>製造所、貯蔵所又は取扱所について、定期に点検し、その点検記録を作成し、これを保存しなければならない。</t>
    <phoneticPr fontId="9"/>
  </si>
  <si>
    <t>第16条の３（事故時の措置）</t>
    <rPh sb="7" eb="9">
      <t>ジコ</t>
    </rPh>
    <rPh sb="9" eb="10">
      <t>ジ</t>
    </rPh>
    <rPh sb="11" eb="13">
      <t>ソチ</t>
    </rPh>
    <phoneticPr fontId="2"/>
  </si>
  <si>
    <t>危険物の流出その他の事故が発生したときは、直ちに、引き続く危険物の流出及び拡散の防止、流出した危険物の除去その他災害の発生の防止のための応急の措置を講じなければならない。
事態を発見した者は、直ちに、その旨を消防署、市町村長の指定した場所等に通報しなければならない。</t>
    <rPh sb="119" eb="120">
      <t>ナド</t>
    </rPh>
    <phoneticPr fontId="9"/>
  </si>
  <si>
    <t>製造所、貯蔵所又は取扱所の位置、構造及び設備が技術上の基準に適合するように維持しなければならない。</t>
    <phoneticPr fontId="9"/>
  </si>
  <si>
    <t>第17条（実施の制限）</t>
    <rPh sb="5" eb="7">
      <t>ジッシ</t>
    </rPh>
    <rPh sb="8" eb="10">
      <t>セイゲン</t>
    </rPh>
    <phoneticPr fontId="2"/>
  </si>
  <si>
    <t>第10条（氏名の変更等の届出）</t>
    <phoneticPr fontId="9"/>
  </si>
  <si>
    <t>届出の代表者氏名等の事項に変更があったときは３０日以内に市町村長に届出が必要。</t>
    <phoneticPr fontId="2"/>
  </si>
  <si>
    <t>第10条（氏名の変更等の届出）</t>
  </si>
  <si>
    <t>届出の代表者氏名等の事項に変更があったときは３０日以内に市町村長に届出が必要。</t>
  </si>
  <si>
    <t>届け出受理日から60日を経過した後でなければ、ばい煙発生施設の設置、構造等の変更をしてはならない。</t>
    <rPh sb="25" eb="26">
      <t>エン</t>
    </rPh>
    <rPh sb="26" eb="28">
      <t>ハッセイ</t>
    </rPh>
    <phoneticPr fontId="9"/>
  </si>
  <si>
    <t>第10条（実施の制限）</t>
  </si>
  <si>
    <t>第11条（氏名の変更等の届出）</t>
  </si>
  <si>
    <t>届出の代表者氏名等の事項に変更があったときは３０日以内に届け出なければならない。</t>
  </si>
  <si>
    <t>・ばい煙発生施設等を設置している者は、ばい煙発生施設等の故障、破損その他の事故が発生し、ばい煙等が大気中に多量に排出されたときは、直ちに、その事故について応急の措置を講じ、かつ、その事故を速やかに復旧するように努めなければならない。
・上記の場合には、直ちにその事故の状況を知事に通報しなければならない。</t>
    <rPh sb="3" eb="4">
      <t>エン</t>
    </rPh>
    <rPh sb="4" eb="6">
      <t>ハッセイ</t>
    </rPh>
    <rPh sb="8" eb="9">
      <t>トウ</t>
    </rPh>
    <rPh sb="21" eb="22">
      <t>エン</t>
    </rPh>
    <rPh sb="22" eb="24">
      <t>ハッセイ</t>
    </rPh>
    <rPh sb="26" eb="27">
      <t>トウ</t>
    </rPh>
    <rPh sb="46" eb="47">
      <t>エン</t>
    </rPh>
    <rPh sb="47" eb="48">
      <t>トウ</t>
    </rPh>
    <rPh sb="131" eb="133">
      <t>ジコ</t>
    </rPh>
    <rPh sb="134" eb="136">
      <t>ジョウキョウ</t>
    </rPh>
    <rPh sb="137" eb="139">
      <t>チジ</t>
    </rPh>
    <rPh sb="140" eb="142">
      <t>ツウホウ</t>
    </rPh>
    <phoneticPr fontId="2"/>
  </si>
  <si>
    <t>第17条（事故時の措置）</t>
  </si>
  <si>
    <t>第11条 （定期検査）</t>
  </si>
  <si>
    <t>浄化槽管理者は、毎年１回指定検査機関による水質検査を受けなければならない。</t>
  </si>
  <si>
    <t>浄化槽の使用を休止する場合は、清掃を行ったあとに知事に届け出ることができる。
また、その浄化槽の使用を再開する場合は、30日以内に届出が必要。</t>
    <rPh sb="0" eb="3">
      <t>ジョウカソウ</t>
    </rPh>
    <rPh sb="4" eb="6">
      <t>シヨウ</t>
    </rPh>
    <rPh sb="7" eb="9">
      <t>キュウシ</t>
    </rPh>
    <rPh sb="11" eb="13">
      <t>バアイ</t>
    </rPh>
    <rPh sb="15" eb="17">
      <t>セイソウ</t>
    </rPh>
    <rPh sb="18" eb="19">
      <t>オコナ</t>
    </rPh>
    <rPh sb="24" eb="26">
      <t>チジ</t>
    </rPh>
    <rPh sb="27" eb="28">
      <t>トド</t>
    </rPh>
    <rPh sb="29" eb="30">
      <t>デ</t>
    </rPh>
    <rPh sb="44" eb="47">
      <t>ジョウカソウ</t>
    </rPh>
    <rPh sb="48" eb="50">
      <t>シヨウ</t>
    </rPh>
    <rPh sb="51" eb="53">
      <t>サイカイ</t>
    </rPh>
    <rPh sb="55" eb="57">
      <t>バアイ</t>
    </rPh>
    <rPh sb="61" eb="62">
      <t>ニチ</t>
    </rPh>
    <rPh sb="62" eb="64">
      <t>イナイ</t>
    </rPh>
    <rPh sb="65" eb="67">
      <t>トドケデ</t>
    </rPh>
    <rPh sb="68" eb="70">
      <t>ヒツヨウ</t>
    </rPh>
    <phoneticPr fontId="2"/>
  </si>
  <si>
    <t>・事業場から河川・湖沼・港湾等に排水を排出する場合で、特定施設を設置するときは、代表者氏名、名称、所在地、特定施設の種類・構造・使用方法、汚水の処理方法、排出水の汚染状態・量等を届け出なければならない。
・有害物質使用特定施設又は有害物質貯蔵指定施設（以下「有害物質使用特定施設等」という。）を設置するときは、代表者氏名、名称、所在地、施設の構造・設備・使用方法等を届け出なければならない。
・届け出受理後６０日以内は設置を行ってはならない。</t>
    <rPh sb="197" eb="198">
      <t>トド</t>
    </rPh>
    <rPh sb="199" eb="200">
      <t>デ</t>
    </rPh>
    <rPh sb="200" eb="202">
      <t>ジュリ</t>
    </rPh>
    <rPh sb="202" eb="203">
      <t>ゴ</t>
    </rPh>
    <rPh sb="205" eb="206">
      <t>ニチ</t>
    </rPh>
    <rPh sb="206" eb="208">
      <t>イナイ</t>
    </rPh>
    <rPh sb="209" eb="211">
      <t>セッチ</t>
    </rPh>
    <rPh sb="212" eb="213">
      <t>オコナ</t>
    </rPh>
    <phoneticPr fontId="2"/>
  </si>
  <si>
    <r>
      <t>ＰＣＢ廃棄物（変圧器、コンデンサー、蛍光灯の安定器、ＰＣＢが付着した紙等）を保管している場合、ＰＣＢ廃棄物の適正な処理の推進に関する特別措置法の次の条項が該当します。</t>
    </r>
    <r>
      <rPr>
        <sz val="9"/>
        <color rgb="FF00B0F0"/>
        <rFont val="ＭＳ Ｐ明朝"/>
        <family val="1"/>
        <charset val="128"/>
      </rPr>
      <t/>
    </r>
    <rPh sb="7" eb="10">
      <t>ヘンアツキ</t>
    </rPh>
    <phoneticPr fontId="2"/>
  </si>
  <si>
    <t>第一種特定製品の廃棄等を行おうとする第一種特定製品の管理者（以下「第一種特定製品廃棄等実施者」という。）は、第一種フロン類充填回収業者が当該第一種特定製品にフロン類が充填されていないことを確認した場合を除き、自ら又は他の者に委託して、第一種フロン類充塡回収業者に対し、当該第一種特定製品に冷媒として充塡されているフロン類を引き渡さなければならない。（違反した場合は、直ちに処罰の対象となる〔直罰規定〕）</t>
    <rPh sb="10" eb="11">
      <t>トウ</t>
    </rPh>
    <rPh sb="12" eb="13">
      <t>オコナ</t>
    </rPh>
    <rPh sb="18" eb="19">
      <t>ダイ</t>
    </rPh>
    <rPh sb="19" eb="21">
      <t>イッシュ</t>
    </rPh>
    <rPh sb="21" eb="23">
      <t>トクテイ</t>
    </rPh>
    <rPh sb="23" eb="25">
      <t>セイヒン</t>
    </rPh>
    <rPh sb="26" eb="28">
      <t>カンリ</t>
    </rPh>
    <rPh sb="30" eb="32">
      <t>イカ</t>
    </rPh>
    <rPh sb="33" eb="34">
      <t>ダイ</t>
    </rPh>
    <rPh sb="34" eb="36">
      <t>イッシュ</t>
    </rPh>
    <rPh sb="36" eb="38">
      <t>トクテイ</t>
    </rPh>
    <rPh sb="38" eb="40">
      <t>セイヒン</t>
    </rPh>
    <rPh sb="40" eb="42">
      <t>ハイキ</t>
    </rPh>
    <rPh sb="42" eb="43">
      <t>トウ</t>
    </rPh>
    <rPh sb="43" eb="46">
      <t>ジッシシャ</t>
    </rPh>
    <rPh sb="54" eb="55">
      <t>ダイ</t>
    </rPh>
    <rPh sb="55" eb="57">
      <t>イチシュ</t>
    </rPh>
    <rPh sb="60" eb="61">
      <t>ルイ</t>
    </rPh>
    <rPh sb="61" eb="63">
      <t>ジュウテン</t>
    </rPh>
    <rPh sb="63" eb="65">
      <t>カイシュウ</t>
    </rPh>
    <rPh sb="65" eb="67">
      <t>ギョウシャ</t>
    </rPh>
    <rPh sb="68" eb="70">
      <t>トウガイ</t>
    </rPh>
    <rPh sb="70" eb="71">
      <t>ダイ</t>
    </rPh>
    <rPh sb="71" eb="72">
      <t>イチ</t>
    </rPh>
    <rPh sb="72" eb="73">
      <t>シュ</t>
    </rPh>
    <rPh sb="73" eb="75">
      <t>トクテイ</t>
    </rPh>
    <rPh sb="75" eb="77">
      <t>セイヒン</t>
    </rPh>
    <rPh sb="81" eb="82">
      <t>ルイ</t>
    </rPh>
    <rPh sb="83" eb="85">
      <t>ジュウテン</t>
    </rPh>
    <rPh sb="94" eb="96">
      <t>カクニン</t>
    </rPh>
    <rPh sb="98" eb="100">
      <t>バアイ</t>
    </rPh>
    <rPh sb="101" eb="102">
      <t>ノゾ</t>
    </rPh>
    <rPh sb="124" eb="126">
      <t>ジュウテン</t>
    </rPh>
    <rPh sb="149" eb="151">
      <t>ジュウテン</t>
    </rPh>
    <phoneticPr fontId="2"/>
  </si>
  <si>
    <t>第一種特定製品廃棄等実施者は、引取証明書の交付又は送付を受けたときは、当該引渡しが終了したことを引取証明書により確認し、３年間保存しなければならない。</t>
    <rPh sb="7" eb="10">
      <t>ハイキトウ</t>
    </rPh>
    <rPh sb="10" eb="13">
      <t>ジッシシャ</t>
    </rPh>
    <rPh sb="15" eb="16">
      <t>ヒ</t>
    </rPh>
    <rPh sb="16" eb="17">
      <t>ト</t>
    </rPh>
    <rPh sb="17" eb="20">
      <t>ショウメイショ</t>
    </rPh>
    <rPh sb="21" eb="23">
      <t>コウフ</t>
    </rPh>
    <rPh sb="28" eb="29">
      <t>ウ</t>
    </rPh>
    <rPh sb="35" eb="37">
      <t>トウガイ</t>
    </rPh>
    <rPh sb="37" eb="39">
      <t>ヒキワタ</t>
    </rPh>
    <rPh sb="41" eb="43">
      <t>シュウリョウ</t>
    </rPh>
    <rPh sb="48" eb="50">
      <t>ヒキトリ</t>
    </rPh>
    <rPh sb="50" eb="53">
      <t>ショウメイショ</t>
    </rPh>
    <rPh sb="56" eb="58">
      <t>カクニン</t>
    </rPh>
    <rPh sb="61" eb="63">
      <t>ネンカン</t>
    </rPh>
    <rPh sb="63" eb="65">
      <t>ホゾントウロクバンゴウ</t>
    </rPh>
    <phoneticPr fontId="2"/>
  </si>
  <si>
    <t>第一種特定製品廃棄等実施者は、主務省令で定める期間（３０日）内に、引取証明書の交付若しくは送付を受けないとき、又は規定する事項が記載されていない引取証明書若しくは虚偽の記載のある引取証明書の交付若しくは送付を受けたときは、その旨を都道府県知事に報告しなければならない。</t>
    <rPh sb="0" eb="1">
      <t>ダイ</t>
    </rPh>
    <rPh sb="1" eb="3">
      <t>イッシュ</t>
    </rPh>
    <rPh sb="3" eb="5">
      <t>トクテイ</t>
    </rPh>
    <rPh sb="5" eb="7">
      <t>セイヒン</t>
    </rPh>
    <rPh sb="7" eb="9">
      <t>ハイキ</t>
    </rPh>
    <rPh sb="9" eb="10">
      <t>トウ</t>
    </rPh>
    <rPh sb="10" eb="12">
      <t>ジッシ</t>
    </rPh>
    <rPh sb="12" eb="13">
      <t>シャ</t>
    </rPh>
    <rPh sb="15" eb="17">
      <t>シュム</t>
    </rPh>
    <rPh sb="17" eb="19">
      <t>ショウレイ</t>
    </rPh>
    <rPh sb="20" eb="21">
      <t>サダ</t>
    </rPh>
    <rPh sb="23" eb="25">
      <t>キカン</t>
    </rPh>
    <rPh sb="28" eb="29">
      <t>ニチ</t>
    </rPh>
    <rPh sb="30" eb="31">
      <t>ナイ</t>
    </rPh>
    <rPh sb="33" eb="34">
      <t>ヒ</t>
    </rPh>
    <rPh sb="34" eb="35">
      <t>トリ</t>
    </rPh>
    <rPh sb="35" eb="37">
      <t>ショウメイ</t>
    </rPh>
    <rPh sb="37" eb="38">
      <t>ショ</t>
    </rPh>
    <rPh sb="39" eb="41">
      <t>コウフ</t>
    </rPh>
    <rPh sb="48" eb="49">
      <t>ウ</t>
    </rPh>
    <rPh sb="55" eb="56">
      <t>マタ</t>
    </rPh>
    <rPh sb="81" eb="83">
      <t>キョギ</t>
    </rPh>
    <rPh sb="84" eb="86">
      <t>キサイ</t>
    </rPh>
    <rPh sb="89" eb="91">
      <t>ヒキト</t>
    </rPh>
    <rPh sb="91" eb="93">
      <t>ショウメイ</t>
    </rPh>
    <rPh sb="93" eb="94">
      <t>ショ</t>
    </rPh>
    <rPh sb="104" eb="105">
      <t>ウ</t>
    </rPh>
    <rPh sb="113" eb="114">
      <t>ムネ</t>
    </rPh>
    <rPh sb="115" eb="119">
      <t>トドウフケン</t>
    </rPh>
    <rPh sb="119" eb="121">
      <t>チジ</t>
    </rPh>
    <rPh sb="122" eb="124">
      <t>ホウコク</t>
    </rPh>
    <phoneticPr fontId="2"/>
  </si>
  <si>
    <t>第12条（製造所等の維持管理）</t>
    <rPh sb="0" eb="1">
      <t>ダイ</t>
    </rPh>
    <rPh sb="3" eb="4">
      <t>ジョウ</t>
    </rPh>
    <phoneticPr fontId="9"/>
  </si>
  <si>
    <t>第５条（特定施設等の設置の届出）
第９条（実施の制限）</t>
    <rPh sb="8" eb="9">
      <t>トウ</t>
    </rPh>
    <rPh sb="17" eb="18">
      <t>ダイ</t>
    </rPh>
    <rPh sb="19" eb="20">
      <t>ジョウ</t>
    </rPh>
    <rPh sb="21" eb="23">
      <t>ジッシ</t>
    </rPh>
    <rPh sb="24" eb="26">
      <t>セイゲン</t>
    </rPh>
    <phoneticPr fontId="9"/>
  </si>
  <si>
    <t>第７条（特定施設等の構造等の変更の届出）
第９条（実施の制限）</t>
    <rPh sb="8" eb="9">
      <t>トウ</t>
    </rPh>
    <rPh sb="21" eb="22">
      <t>ダイ</t>
    </rPh>
    <rPh sb="23" eb="24">
      <t>ジョウ</t>
    </rPh>
    <rPh sb="25" eb="27">
      <t>ジッシ</t>
    </rPh>
    <rPh sb="28" eb="30">
      <t>セイゲン</t>
    </rPh>
    <phoneticPr fontId="9"/>
  </si>
  <si>
    <t>・特定施設等の構造等の変更をしようとするときは、届け出なければならない。
・届け出受理後60日以内は変更を行ってはならない。</t>
    <rPh sb="5" eb="6">
      <t>トウ</t>
    </rPh>
    <rPh sb="26" eb="27">
      <t>デ</t>
    </rPh>
    <rPh sb="38" eb="39">
      <t>トド</t>
    </rPh>
    <rPh sb="40" eb="41">
      <t>デ</t>
    </rPh>
    <rPh sb="41" eb="43">
      <t>ジュリ</t>
    </rPh>
    <rPh sb="43" eb="44">
      <t>ゴ</t>
    </rPh>
    <rPh sb="46" eb="47">
      <t>ニチ</t>
    </rPh>
    <rPh sb="47" eb="49">
      <t>イナイ</t>
    </rPh>
    <rPh sb="50" eb="52">
      <t>ヘンコウ</t>
    </rPh>
    <rPh sb="53" eb="54">
      <t>オコナ</t>
    </rPh>
    <phoneticPr fontId="2"/>
  </si>
  <si>
    <t>届出の代表者氏名等の事項に変更があったとき、又は特定施設等の使用を廃止したときは３０日以内に届け出なければならない。</t>
    <rPh sb="22" eb="23">
      <t>マタ</t>
    </rPh>
    <rPh sb="24" eb="26">
      <t>トクテイ</t>
    </rPh>
    <rPh sb="26" eb="28">
      <t>シセツ</t>
    </rPh>
    <rPh sb="28" eb="29">
      <t>トウ</t>
    </rPh>
    <rPh sb="30" eb="32">
      <t>シヨウ</t>
    </rPh>
    <rPh sb="33" eb="35">
      <t>ハイシ</t>
    </rPh>
    <phoneticPr fontId="2"/>
  </si>
  <si>
    <t>第95条第１項</t>
    <rPh sb="3" eb="4">
      <t>ジョウ</t>
    </rPh>
    <rPh sb="4" eb="5">
      <t>ダイ</t>
    </rPh>
    <rPh sb="6" eb="7">
      <t>コウ</t>
    </rPh>
    <phoneticPr fontId="2"/>
  </si>
  <si>
    <t>貯蔵所を設置する場合、構造又は設備を変更する場合は、許可を受けなければならない。</t>
    <rPh sb="29" eb="30">
      <t>ウ</t>
    </rPh>
    <phoneticPr fontId="2"/>
  </si>
  <si>
    <t>公共下水道及びし尿処理施設で処理される以外のし尿は、すべて浄化槽で処理しなけれなばらない。</t>
    <rPh sb="5" eb="6">
      <t>オヨ</t>
    </rPh>
    <phoneticPr fontId="2"/>
  </si>
  <si>
    <t>構造設備を変更せず、危険物の品名・数量等を変更する場合、10日前までに市町村長等に届け出なければならない。</t>
    <phoneticPr fontId="9"/>
  </si>
  <si>
    <t>貯蔵所を設置する者は、甲種又は乙種危険物取扱者（種類による）で、６月以上の実務経験を有する者の中から、危険物保安監督者を定め、市町村長に届け出なければならない。</t>
    <rPh sb="24" eb="26">
      <t>シュルイ</t>
    </rPh>
    <phoneticPr fontId="2"/>
  </si>
  <si>
    <t>シアン化水素、水銀、セレン、砒素等の毒物、アンモニア、塩化水素、過酸化水素、クロロホルム、四塩化炭素等の劇物を所有する場合は、毒物及び劇物取締法の次の条項が該当します。（第３条の３及び第３条の４については、政令で定める物が該当します。）</t>
    <rPh sb="52" eb="54">
      <t>ゲキブツ</t>
    </rPh>
    <rPh sb="90" eb="91">
      <t>オヨ</t>
    </rPh>
    <rPh sb="92" eb="93">
      <t>ダイ</t>
    </rPh>
    <rPh sb="94" eb="95">
      <t>ジョウ</t>
    </rPh>
    <rPh sb="103" eb="105">
      <t>セイレイ</t>
    </rPh>
    <rPh sb="106" eb="107">
      <t>サダ</t>
    </rPh>
    <rPh sb="109" eb="110">
      <t>モノ</t>
    </rPh>
    <rPh sb="111" eb="113">
      <t>ガイトウ</t>
    </rPh>
    <phoneticPr fontId="2"/>
  </si>
  <si>
    <t>届出受理日から６０日を経過した後でなければ、特定施設の設置、構造等の変更をしてはならない。</t>
    <rPh sb="27" eb="29">
      <t>セッチ</t>
    </rPh>
    <rPh sb="30" eb="32">
      <t>コウゾウ</t>
    </rPh>
    <rPh sb="32" eb="33">
      <t>トウ</t>
    </rPh>
    <phoneticPr fontId="9"/>
  </si>
  <si>
    <t>・特定施設を設置している者は、特定施設の故障、破損その他の事故が発生し、ダイオキシン類が大気中又は公共用水域に多量に排出されたときは、直ちに、その事故について応急の措置を講じ、かつ、その事故を速やかに復旧するように努めなければならない。
・上記の場合には、直ちにその事故の状況を知事に通報しなければならない。</t>
    <phoneticPr fontId="2"/>
  </si>
  <si>
    <t>代表者の氏名、名称・所在地、指定事業所の業種、その他規則で定める軽微な変更等をしたときは、その日から起算して３０日以内に知事に届出が必要。</t>
    <rPh sb="25" eb="26">
      <t>タ</t>
    </rPh>
    <rPh sb="26" eb="28">
      <t>キソク</t>
    </rPh>
    <rPh sb="29" eb="30">
      <t>サダ</t>
    </rPh>
    <rPh sb="32" eb="34">
      <t>ケイビ</t>
    </rPh>
    <rPh sb="37" eb="38">
      <t>トウ</t>
    </rPh>
    <rPh sb="47" eb="48">
      <t>ヒ</t>
    </rPh>
    <rPh sb="50" eb="52">
      <t>キサン</t>
    </rPh>
    <phoneticPr fontId="2"/>
  </si>
  <si>
    <t>特定有害物質を製造・使用・処理・保管する場合、ダイオキシン類特定施設を使用する場合には、使用状況等を記録しなければならない。特定有害物質使用地又はダイオキシン類管理対象地を譲渡等する場合にはその相手方に使用状況等の記録を交付しなければならない。特定有害物質使用事業所又はダイオキシン類管理対象事業所を廃止しようとするときは、調査を実施し報告が必要。</t>
    <rPh sb="0" eb="2">
      <t>トクテイ</t>
    </rPh>
    <rPh sb="2" eb="4">
      <t>ユウガイ</t>
    </rPh>
    <rPh sb="4" eb="6">
      <t>ブッシツ</t>
    </rPh>
    <rPh sb="7" eb="9">
      <t>セイゾウ</t>
    </rPh>
    <rPh sb="10" eb="12">
      <t>シヨウ</t>
    </rPh>
    <rPh sb="13" eb="15">
      <t>ショリ</t>
    </rPh>
    <rPh sb="16" eb="18">
      <t>ホカン</t>
    </rPh>
    <rPh sb="20" eb="22">
      <t>バアイ</t>
    </rPh>
    <rPh sb="29" eb="30">
      <t>ルイ</t>
    </rPh>
    <rPh sb="30" eb="32">
      <t>トクテイ</t>
    </rPh>
    <rPh sb="32" eb="34">
      <t>シセツ</t>
    </rPh>
    <rPh sb="35" eb="37">
      <t>シヨウ</t>
    </rPh>
    <rPh sb="39" eb="41">
      <t>バアイ</t>
    </rPh>
    <rPh sb="44" eb="46">
      <t>シヨウ</t>
    </rPh>
    <rPh sb="46" eb="48">
      <t>ジョウキョウ</t>
    </rPh>
    <rPh sb="48" eb="49">
      <t>トウ</t>
    </rPh>
    <rPh sb="50" eb="52">
      <t>キロク</t>
    </rPh>
    <rPh sb="62" eb="64">
      <t>トクテイ</t>
    </rPh>
    <rPh sb="64" eb="66">
      <t>ユウガイ</t>
    </rPh>
    <rPh sb="66" eb="68">
      <t>ブッシツ</t>
    </rPh>
    <rPh sb="68" eb="70">
      <t>シヨウ</t>
    </rPh>
    <rPh sb="70" eb="71">
      <t>チ</t>
    </rPh>
    <rPh sb="71" eb="72">
      <t>マタ</t>
    </rPh>
    <rPh sb="79" eb="80">
      <t>ルイ</t>
    </rPh>
    <rPh sb="80" eb="82">
      <t>カンリ</t>
    </rPh>
    <rPh sb="82" eb="85">
      <t>タイショウチ</t>
    </rPh>
    <rPh sb="86" eb="88">
      <t>ジョウト</t>
    </rPh>
    <rPh sb="88" eb="89">
      <t>トウ</t>
    </rPh>
    <rPh sb="91" eb="93">
      <t>バアイ</t>
    </rPh>
    <rPh sb="97" eb="100">
      <t>アイテガタ</t>
    </rPh>
    <rPh sb="101" eb="103">
      <t>シヨウ</t>
    </rPh>
    <rPh sb="103" eb="105">
      <t>ジョウキョウ</t>
    </rPh>
    <rPh sb="105" eb="106">
      <t>トウ</t>
    </rPh>
    <rPh sb="107" eb="109">
      <t>キロク</t>
    </rPh>
    <rPh sb="110" eb="112">
      <t>コウフ</t>
    </rPh>
    <rPh sb="122" eb="124">
      <t>トクテイ</t>
    </rPh>
    <rPh sb="124" eb="126">
      <t>ユウガイ</t>
    </rPh>
    <rPh sb="126" eb="128">
      <t>ブッシツ</t>
    </rPh>
    <rPh sb="128" eb="130">
      <t>シヨウ</t>
    </rPh>
    <rPh sb="130" eb="133">
      <t>ジギョウショ</t>
    </rPh>
    <rPh sb="133" eb="134">
      <t>マタ</t>
    </rPh>
    <rPh sb="141" eb="142">
      <t>ルイ</t>
    </rPh>
    <rPh sb="142" eb="144">
      <t>カンリ</t>
    </rPh>
    <rPh sb="144" eb="146">
      <t>タイショウ</t>
    </rPh>
    <rPh sb="146" eb="149">
      <t>ジギョウショ</t>
    </rPh>
    <rPh sb="150" eb="152">
      <t>ハイシ</t>
    </rPh>
    <rPh sb="162" eb="164">
      <t>チョウサ</t>
    </rPh>
    <rPh sb="165" eb="167">
      <t>ジッシ</t>
    </rPh>
    <rPh sb="168" eb="170">
      <t>ホウコク</t>
    </rPh>
    <rPh sb="171" eb="173">
      <t>ヒツヨウ</t>
    </rPh>
    <phoneticPr fontId="2"/>
  </si>
  <si>
    <t>特定有害物質使用地又はダイオキシン類管理対象地において汚染の判明した土地の区画形質の変更を行おうとするときは周辺住民へ周知することと、その計画の提出が必要。</t>
    <rPh sb="0" eb="2">
      <t>トクテイ</t>
    </rPh>
    <rPh sb="2" eb="4">
      <t>ユウガイ</t>
    </rPh>
    <rPh sb="4" eb="6">
      <t>ブッシツ</t>
    </rPh>
    <rPh sb="6" eb="8">
      <t>シヨウ</t>
    </rPh>
    <rPh sb="8" eb="9">
      <t>チ</t>
    </rPh>
    <rPh sb="9" eb="10">
      <t>マタ</t>
    </rPh>
    <rPh sb="17" eb="18">
      <t>ルイ</t>
    </rPh>
    <rPh sb="18" eb="20">
      <t>カンリ</t>
    </rPh>
    <rPh sb="20" eb="23">
      <t>タイショウチ</t>
    </rPh>
    <rPh sb="27" eb="29">
      <t>オセン</t>
    </rPh>
    <rPh sb="30" eb="32">
      <t>ハンメイ</t>
    </rPh>
    <rPh sb="34" eb="36">
      <t>トチ</t>
    </rPh>
    <rPh sb="37" eb="39">
      <t>クカク</t>
    </rPh>
    <rPh sb="39" eb="41">
      <t>ケイシツ</t>
    </rPh>
    <rPh sb="42" eb="44">
      <t>ヘンコウ</t>
    </rPh>
    <rPh sb="45" eb="46">
      <t>オコナ</t>
    </rPh>
    <rPh sb="54" eb="56">
      <t>シュウヘン</t>
    </rPh>
    <rPh sb="56" eb="58">
      <t>ジュウミン</t>
    </rPh>
    <rPh sb="59" eb="61">
      <t>シュウチ</t>
    </rPh>
    <rPh sb="69" eb="71">
      <t>ケイカク</t>
    </rPh>
    <rPh sb="72" eb="74">
      <t>テイシュツ</t>
    </rPh>
    <rPh sb="75" eb="77">
      <t>ヒツヨウ</t>
    </rPh>
    <phoneticPr fontId="2"/>
  </si>
  <si>
    <t>特定化学物質の環境への排出量の把握等及び管理の改善の促進に関する法律第一種指定化学物質の管理に関する目標を定めるとともに、その達成状況等と併せて、報告が必要。</t>
    <rPh sb="0" eb="2">
      <t>トクテイ</t>
    </rPh>
    <rPh sb="2" eb="4">
      <t>カガク</t>
    </rPh>
    <rPh sb="4" eb="6">
      <t>ブッシツ</t>
    </rPh>
    <rPh sb="7" eb="9">
      <t>カンキョウ</t>
    </rPh>
    <rPh sb="11" eb="13">
      <t>ハイシュツ</t>
    </rPh>
    <rPh sb="13" eb="14">
      <t>リョウ</t>
    </rPh>
    <rPh sb="15" eb="17">
      <t>ハアク</t>
    </rPh>
    <rPh sb="17" eb="18">
      <t>トウ</t>
    </rPh>
    <rPh sb="18" eb="19">
      <t>オヨ</t>
    </rPh>
    <rPh sb="20" eb="22">
      <t>カンリ</t>
    </rPh>
    <rPh sb="23" eb="25">
      <t>カイゼン</t>
    </rPh>
    <rPh sb="26" eb="28">
      <t>ソクシン</t>
    </rPh>
    <rPh sb="29" eb="30">
      <t>カン</t>
    </rPh>
    <rPh sb="32" eb="34">
      <t>ホウリツ</t>
    </rPh>
    <rPh sb="34" eb="35">
      <t>ダイ</t>
    </rPh>
    <rPh sb="35" eb="36">
      <t>1</t>
    </rPh>
    <rPh sb="36" eb="37">
      <t>シュ</t>
    </rPh>
    <rPh sb="37" eb="39">
      <t>シテイ</t>
    </rPh>
    <rPh sb="39" eb="41">
      <t>カガク</t>
    </rPh>
    <rPh sb="41" eb="43">
      <t>ブッシツ</t>
    </rPh>
    <rPh sb="44" eb="46">
      <t>カンリ</t>
    </rPh>
    <rPh sb="47" eb="48">
      <t>カン</t>
    </rPh>
    <rPh sb="50" eb="52">
      <t>モクヒョウ</t>
    </rPh>
    <rPh sb="53" eb="54">
      <t>サダ</t>
    </rPh>
    <rPh sb="63" eb="65">
      <t>タッセイ</t>
    </rPh>
    <rPh sb="65" eb="68">
      <t>ジョウキョウナド</t>
    </rPh>
    <rPh sb="69" eb="70">
      <t>アワ</t>
    </rPh>
    <rPh sb="73" eb="75">
      <t>ホウコク</t>
    </rPh>
    <rPh sb="76" eb="78">
      <t>ヒツヨウ</t>
    </rPh>
    <phoneticPr fontId="2"/>
  </si>
  <si>
    <t>駐車場や車庫を管理する者は、当該施設を利用する者にアイドリング・ストップを指導するよう努めるとともに、アイドリング・ストップをしないことに伴う周辺環境への被害の防止に努めなければならない。</t>
    <rPh sb="0" eb="3">
      <t>チュウシャジョウ</t>
    </rPh>
    <rPh sb="4" eb="6">
      <t>シャコ</t>
    </rPh>
    <rPh sb="7" eb="9">
      <t>カンリ</t>
    </rPh>
    <rPh sb="11" eb="12">
      <t>モノ</t>
    </rPh>
    <rPh sb="14" eb="16">
      <t>トウガイ</t>
    </rPh>
    <rPh sb="16" eb="18">
      <t>シセツ</t>
    </rPh>
    <rPh sb="19" eb="21">
      <t>リヨウ</t>
    </rPh>
    <rPh sb="23" eb="24">
      <t>モノ</t>
    </rPh>
    <rPh sb="37" eb="39">
      <t>シドウ</t>
    </rPh>
    <rPh sb="43" eb="44">
      <t>ツト</t>
    </rPh>
    <rPh sb="69" eb="70">
      <t>トモナ</t>
    </rPh>
    <rPh sb="71" eb="73">
      <t>シュウヘン</t>
    </rPh>
    <rPh sb="73" eb="75">
      <t>カンキョウ</t>
    </rPh>
    <rPh sb="77" eb="79">
      <t>ヒガイ</t>
    </rPh>
    <rPh sb="80" eb="82">
      <t>ボウシ</t>
    </rPh>
    <rPh sb="83" eb="84">
      <t>ツト</t>
    </rPh>
    <phoneticPr fontId="2"/>
  </si>
  <si>
    <t>粒子状物質の排出基準に適合しないディーゼル車（概ね平成８年以前に初度登録された旧式車（乗用車は除く。））を県内で運行することを禁止する。
※なお、一都三県（埼玉県、千葉県、東京都、神奈川県）で同様の規制を行っているが、埼玉県及び東京都では、平成18年４月より、規制を強化（概ね平成14年以前に初度登録された旧式車（乗用車は除く。）は運行禁止）しているため、県条例に適合している車であっても、注意が必要である。</t>
    <rPh sb="0" eb="3">
      <t>リュウシジョウ</t>
    </rPh>
    <rPh sb="3" eb="5">
      <t>ブッシツ</t>
    </rPh>
    <rPh sb="6" eb="8">
      <t>ハイシュツ</t>
    </rPh>
    <rPh sb="8" eb="10">
      <t>キジュン</t>
    </rPh>
    <rPh sb="11" eb="13">
      <t>テキゴウ</t>
    </rPh>
    <rPh sb="21" eb="22">
      <t>シャ</t>
    </rPh>
    <rPh sb="23" eb="24">
      <t>オオム</t>
    </rPh>
    <rPh sb="25" eb="27">
      <t>ヘイセイ</t>
    </rPh>
    <rPh sb="28" eb="29">
      <t>ネン</t>
    </rPh>
    <rPh sb="29" eb="31">
      <t>イゼン</t>
    </rPh>
    <rPh sb="32" eb="34">
      <t>ショド</t>
    </rPh>
    <rPh sb="34" eb="36">
      <t>トウロク</t>
    </rPh>
    <rPh sb="39" eb="41">
      <t>キュウシキ</t>
    </rPh>
    <rPh sb="41" eb="42">
      <t>シャ</t>
    </rPh>
    <rPh sb="43" eb="46">
      <t>ジョウヨウシャ</t>
    </rPh>
    <rPh sb="47" eb="48">
      <t>ノゾ</t>
    </rPh>
    <rPh sb="53" eb="55">
      <t>ケンナイ</t>
    </rPh>
    <rPh sb="56" eb="58">
      <t>ウンコウ</t>
    </rPh>
    <rPh sb="63" eb="65">
      <t>キンシ</t>
    </rPh>
    <rPh sb="73" eb="75">
      <t>イット</t>
    </rPh>
    <rPh sb="75" eb="77">
      <t>サンケン</t>
    </rPh>
    <rPh sb="78" eb="81">
      <t>サイタマケン</t>
    </rPh>
    <rPh sb="82" eb="85">
      <t>チバケン</t>
    </rPh>
    <rPh sb="86" eb="89">
      <t>トウキョウト</t>
    </rPh>
    <rPh sb="90" eb="94">
      <t>カナガワケン</t>
    </rPh>
    <rPh sb="96" eb="98">
      <t>ドウヨウ</t>
    </rPh>
    <rPh sb="99" eb="101">
      <t>キセイ</t>
    </rPh>
    <rPh sb="102" eb="103">
      <t>オコナ</t>
    </rPh>
    <rPh sb="109" eb="112">
      <t>サイタマケン</t>
    </rPh>
    <rPh sb="112" eb="113">
      <t>オヨ</t>
    </rPh>
    <rPh sb="114" eb="117">
      <t>トウキョウト</t>
    </rPh>
    <rPh sb="130" eb="132">
      <t>キセイ</t>
    </rPh>
    <rPh sb="133" eb="135">
      <t>キョウカ</t>
    </rPh>
    <rPh sb="166" eb="168">
      <t>ウンコウ</t>
    </rPh>
    <rPh sb="168" eb="170">
      <t>キンシ</t>
    </rPh>
    <rPh sb="179" eb="181">
      <t>ジョウレイ</t>
    </rPh>
    <rPh sb="182" eb="184">
      <t>テキゴウ</t>
    </rPh>
    <rPh sb="188" eb="189">
      <t>クルマ</t>
    </rPh>
    <rPh sb="195" eb="197">
      <t>チュウイ</t>
    </rPh>
    <rPh sb="198" eb="200">
      <t>ヒツヨウ</t>
    </rPh>
    <phoneticPr fontId="2"/>
  </si>
  <si>
    <t>事業者は、次の事項を、化学物質等を取り扱う各作業場の見やすい場所に常時掲示し、又は備え付けること等により、化学物質等を取り扱う労働者に周知させなければならない。
　一　名称
　二　成分及びその含有量
　三　物理的及び化学的性質
　四　人体に及ぼす作用
　五　貯蔵又は取扱い上の注意
　六　流出その他の事故が発生した場合において講ずべき応急の措置
　七　前各号に掲げるもののほか、厚生労働省令で定める事項
※労働安全衛生法で定める物質については、労働安全衛生法施行令別表第九参照</t>
    <rPh sb="5" eb="6">
      <t>ツギ</t>
    </rPh>
    <rPh sb="15" eb="16">
      <t>トウ</t>
    </rPh>
    <rPh sb="48" eb="49">
      <t>トウ</t>
    </rPh>
    <rPh sb="53" eb="55">
      <t>カガク</t>
    </rPh>
    <rPh sb="55" eb="58">
      <t>ブッシツトウ</t>
    </rPh>
    <rPh sb="237" eb="239">
      <t>サンショウ</t>
    </rPh>
    <phoneticPr fontId="2"/>
  </si>
  <si>
    <t>水銀による環境の汚染の防止に関する法律</t>
    <rPh sb="0" eb="2">
      <t>スイギン</t>
    </rPh>
    <rPh sb="5" eb="7">
      <t>カンキョウ</t>
    </rPh>
    <rPh sb="8" eb="10">
      <t>オセン</t>
    </rPh>
    <rPh sb="11" eb="13">
      <t>ボウシ</t>
    </rPh>
    <rPh sb="14" eb="15">
      <t>カン</t>
    </rPh>
    <rPh sb="17" eb="19">
      <t>ホウリツ</t>
    </rPh>
    <phoneticPr fontId="2"/>
  </si>
  <si>
    <t xml:space="preserve">調査は、次に掲げる時期に行うものとする。
　一　対象物質を原材料等として新規に採用し、又は変更するとき 
　二　対象物質を製造し、又は取り扱う業務に係る作業の方法又は手順を新規に採用し、又は変更すると
　　 き。
　三　前二号に掲げるもののほか、対象物質による危険性又は有害性等について変化が生じ、又は生ずる
　　 おそれがあるとき。 </t>
    <rPh sb="0" eb="2">
      <t>チョウサ</t>
    </rPh>
    <rPh sb="22" eb="23">
      <t>イチ</t>
    </rPh>
    <rPh sb="27" eb="28">
      <t>シツ</t>
    </rPh>
    <phoneticPr fontId="2"/>
  </si>
  <si>
    <t>調査を行つたときは、次に掲げる事項を、対象物質を取り扱う労働者に周知させなければならない。 
　一　名称 
　二　業務内容 
　三　調査結果 
　四　調査結果に基づき事業者が講ずる労働者の危険又は健康障害を防止するため必要な措置の内容 
　　 周知は、対象物質を取り扱う各作業場の見やすい場所に常時掲示し、又は備え付けること、書面を対
     象物質を取り扱う労働者に交付すること等により行うものとする。</t>
    <rPh sb="19" eb="21">
      <t>タイショウ</t>
    </rPh>
    <rPh sb="21" eb="23">
      <t>ブッシツ</t>
    </rPh>
    <rPh sb="191" eb="192">
      <t>トウ</t>
    </rPh>
    <rPh sb="195" eb="196">
      <t>オコナ</t>
    </rPh>
    <phoneticPr fontId="2"/>
  </si>
  <si>
    <t>第12条の３（産業廃棄物管理票）</t>
  </si>
  <si>
    <t>第12条の５（電子情報処理組織の使用）</t>
    <rPh sb="0" eb="1">
      <t>ダイ</t>
    </rPh>
    <rPh sb="3" eb="4">
      <t>ジョウ</t>
    </rPh>
    <rPh sb="7" eb="9">
      <t>デンシ</t>
    </rPh>
    <rPh sb="9" eb="11">
      <t>ジョウホウ</t>
    </rPh>
    <rPh sb="11" eb="13">
      <t>ショリ</t>
    </rPh>
    <rPh sb="13" eb="15">
      <t>ソシキ</t>
    </rPh>
    <rPh sb="16" eb="18">
      <t>シヨウ</t>
    </rPh>
    <phoneticPr fontId="9"/>
  </si>
  <si>
    <t>前々年度の特別管理産業廃棄物（PCB廃棄物を除く）の発生量が５０トン以上である事業場を設置している事業者は、その産業廃棄物の運搬又は処分を他人に委託する場合には、電子マニフェストを使用しなければならない。</t>
    <rPh sb="56" eb="58">
      <t>サンギョウ</t>
    </rPh>
    <rPh sb="81" eb="83">
      <t>デンシ</t>
    </rPh>
    <rPh sb="90" eb="92">
      <t>シヨウ</t>
    </rPh>
    <phoneticPr fontId="9"/>
  </si>
  <si>
    <t>第5条（製造の許可等）</t>
    <rPh sb="0" eb="1">
      <t>ダイ</t>
    </rPh>
    <rPh sb="2" eb="3">
      <t>ジョウ</t>
    </rPh>
    <rPh sb="4" eb="6">
      <t>セイゾウ</t>
    </rPh>
    <rPh sb="7" eb="9">
      <t>キョカ</t>
    </rPh>
    <rPh sb="9" eb="10">
      <t>トウ</t>
    </rPh>
    <phoneticPr fontId="2"/>
  </si>
  <si>
    <t>冷凍（冷房も含む）のためガスを圧縮し、又は液化して高圧ガスの製造をする設備のうち、1日の冷凍能力が20トン以上のものを使用しようとする者は、製造の許可を受けなければならない（以下、第一種製造者）。
また、冷凍能力3トン以上20トン未満の設備では、製造の開始の日の20日前までに届出なけなければならない（以下、第二種製造者）。</t>
    <rPh sb="0" eb="2">
      <t>レイトウ</t>
    </rPh>
    <rPh sb="3" eb="5">
      <t>レイボウ</t>
    </rPh>
    <rPh sb="6" eb="7">
      <t>フク</t>
    </rPh>
    <rPh sb="15" eb="17">
      <t>アッシュク</t>
    </rPh>
    <rPh sb="19" eb="20">
      <t>マタ</t>
    </rPh>
    <rPh sb="21" eb="23">
      <t>エキカ</t>
    </rPh>
    <rPh sb="25" eb="27">
      <t>コウアツ</t>
    </rPh>
    <rPh sb="30" eb="32">
      <t>セイゾウ</t>
    </rPh>
    <rPh sb="35" eb="37">
      <t>セツビ</t>
    </rPh>
    <rPh sb="42" eb="43">
      <t>ニチ</t>
    </rPh>
    <rPh sb="44" eb="46">
      <t>レイトウ</t>
    </rPh>
    <rPh sb="46" eb="48">
      <t>ノウリョク</t>
    </rPh>
    <rPh sb="53" eb="55">
      <t>イジョウ</t>
    </rPh>
    <rPh sb="59" eb="61">
      <t>シヨウ</t>
    </rPh>
    <rPh sb="67" eb="68">
      <t>モノ</t>
    </rPh>
    <rPh sb="70" eb="72">
      <t>セイゾウ</t>
    </rPh>
    <rPh sb="73" eb="75">
      <t>キョカ</t>
    </rPh>
    <rPh sb="76" eb="77">
      <t>ウ</t>
    </rPh>
    <rPh sb="87" eb="89">
      <t>イカ</t>
    </rPh>
    <rPh sb="90" eb="93">
      <t>ダイイッシュ</t>
    </rPh>
    <rPh sb="93" eb="95">
      <t>セイゾウ</t>
    </rPh>
    <rPh sb="95" eb="96">
      <t>シャ</t>
    </rPh>
    <rPh sb="102" eb="104">
      <t>レイトウ</t>
    </rPh>
    <rPh sb="104" eb="106">
      <t>ノウリョク</t>
    </rPh>
    <rPh sb="109" eb="111">
      <t>イジョウ</t>
    </rPh>
    <rPh sb="115" eb="117">
      <t>ミマン</t>
    </rPh>
    <rPh sb="118" eb="120">
      <t>セツビ</t>
    </rPh>
    <rPh sb="123" eb="125">
      <t>セイゾウ</t>
    </rPh>
    <rPh sb="126" eb="128">
      <t>カイシ</t>
    </rPh>
    <rPh sb="129" eb="130">
      <t>ヒ</t>
    </rPh>
    <rPh sb="133" eb="135">
      <t>ニチマエ</t>
    </rPh>
    <rPh sb="138" eb="139">
      <t>トド</t>
    </rPh>
    <rPh sb="139" eb="140">
      <t>デ</t>
    </rPh>
    <rPh sb="151" eb="153">
      <t>イカ</t>
    </rPh>
    <rPh sb="154" eb="156">
      <t>ダイニ</t>
    </rPh>
    <rPh sb="156" eb="157">
      <t>シュ</t>
    </rPh>
    <rPh sb="157" eb="159">
      <t>セイゾウ</t>
    </rPh>
    <rPh sb="159" eb="160">
      <t>シャ</t>
    </rPh>
    <phoneticPr fontId="2"/>
  </si>
  <si>
    <t>第11条（製造のための施設及び製造の方法）</t>
    <rPh sb="0" eb="1">
      <t>ダイ</t>
    </rPh>
    <rPh sb="3" eb="4">
      <t>ジョウ</t>
    </rPh>
    <rPh sb="5" eb="7">
      <t>セイゾウ</t>
    </rPh>
    <rPh sb="11" eb="13">
      <t>シセツ</t>
    </rPh>
    <rPh sb="13" eb="14">
      <t>オヨ</t>
    </rPh>
    <rPh sb="15" eb="17">
      <t>セイゾウ</t>
    </rPh>
    <rPh sb="18" eb="20">
      <t>ホウホウ</t>
    </rPh>
    <phoneticPr fontId="2"/>
  </si>
  <si>
    <t>第一種製造者は、高圧ガスの製造のための施設の位置、構造及び設備を技術上の基準に適合するように維持しなければならない。また、技術上の基準に従って製造しなければならない。</t>
    <rPh sb="0" eb="3">
      <t>ダイイッシュ</t>
    </rPh>
    <rPh sb="2" eb="3">
      <t>シュ</t>
    </rPh>
    <rPh sb="3" eb="5">
      <t>セイゾウ</t>
    </rPh>
    <rPh sb="5" eb="6">
      <t>シャ</t>
    </rPh>
    <rPh sb="8" eb="10">
      <t>コウアツ</t>
    </rPh>
    <rPh sb="13" eb="15">
      <t>セイゾウ</t>
    </rPh>
    <rPh sb="19" eb="21">
      <t>シセツ</t>
    </rPh>
    <rPh sb="22" eb="24">
      <t>イチ</t>
    </rPh>
    <rPh sb="25" eb="27">
      <t>コウゾウ</t>
    </rPh>
    <rPh sb="27" eb="28">
      <t>オヨ</t>
    </rPh>
    <rPh sb="29" eb="31">
      <t>セツビ</t>
    </rPh>
    <rPh sb="32" eb="34">
      <t>ギジュツ</t>
    </rPh>
    <rPh sb="33" eb="34">
      <t>ショウレイ</t>
    </rPh>
    <rPh sb="34" eb="35">
      <t>ジョウ</t>
    </rPh>
    <rPh sb="36" eb="38">
      <t>キジュン</t>
    </rPh>
    <rPh sb="39" eb="41">
      <t>テキゴウ</t>
    </rPh>
    <rPh sb="46" eb="48">
      <t>イジ</t>
    </rPh>
    <rPh sb="61" eb="63">
      <t>ギジュツ</t>
    </rPh>
    <rPh sb="63" eb="64">
      <t>ジョウ</t>
    </rPh>
    <rPh sb="65" eb="67">
      <t>キジュン</t>
    </rPh>
    <rPh sb="68" eb="69">
      <t>シタガ</t>
    </rPh>
    <rPh sb="71" eb="73">
      <t>セイゾウ</t>
    </rPh>
    <phoneticPr fontId="9"/>
  </si>
  <si>
    <t>第12条</t>
    <phoneticPr fontId="9"/>
  </si>
  <si>
    <t>第二種製造者は、高圧ガスの製造のための施設の位置、構造及び設備を技術上の基準に適合するように維持しなければならない。また、技術上の基準に従って製造しなければならない。</t>
    <rPh sb="0" eb="2">
      <t>ダイニ</t>
    </rPh>
    <rPh sb="2" eb="3">
      <t>シュ</t>
    </rPh>
    <rPh sb="3" eb="5">
      <t>セイゾウ</t>
    </rPh>
    <rPh sb="5" eb="6">
      <t>シャ</t>
    </rPh>
    <rPh sb="8" eb="10">
      <t>コウアツ</t>
    </rPh>
    <rPh sb="13" eb="15">
      <t>セイゾウ</t>
    </rPh>
    <rPh sb="19" eb="21">
      <t>シセツ</t>
    </rPh>
    <rPh sb="22" eb="24">
      <t>イチ</t>
    </rPh>
    <rPh sb="25" eb="27">
      <t>コウゾウ</t>
    </rPh>
    <rPh sb="27" eb="28">
      <t>オヨ</t>
    </rPh>
    <rPh sb="29" eb="31">
      <t>セツビ</t>
    </rPh>
    <rPh sb="32" eb="34">
      <t>ギジュツ</t>
    </rPh>
    <rPh sb="33" eb="34">
      <t>ショウレイ</t>
    </rPh>
    <rPh sb="34" eb="35">
      <t>ジョウ</t>
    </rPh>
    <rPh sb="36" eb="38">
      <t>キジュン</t>
    </rPh>
    <rPh sb="39" eb="41">
      <t>テキゴウ</t>
    </rPh>
    <rPh sb="46" eb="48">
      <t>イジ</t>
    </rPh>
    <rPh sb="61" eb="63">
      <t>ギジュツ</t>
    </rPh>
    <rPh sb="63" eb="64">
      <t>ジョウ</t>
    </rPh>
    <rPh sb="65" eb="67">
      <t>キジュン</t>
    </rPh>
    <rPh sb="68" eb="69">
      <t>シタガ</t>
    </rPh>
    <rPh sb="71" eb="73">
      <t>セイゾウ</t>
    </rPh>
    <phoneticPr fontId="9"/>
  </si>
  <si>
    <t>第14条（製造のための施設等の変更）</t>
    <rPh sb="0" eb="1">
      <t>ダイ</t>
    </rPh>
    <rPh sb="3" eb="4">
      <t>ジョウ</t>
    </rPh>
    <rPh sb="5" eb="7">
      <t>セイゾウ</t>
    </rPh>
    <rPh sb="11" eb="13">
      <t>シセツ</t>
    </rPh>
    <rPh sb="13" eb="14">
      <t>トウ</t>
    </rPh>
    <rPh sb="15" eb="17">
      <t>ヘンコウ</t>
    </rPh>
    <phoneticPr fontId="9"/>
  </si>
  <si>
    <t>第一種製造者は、製造のための施設の位置、構造若しくは設備の変更の工事をし、又は製造する高圧ガスの種類若しくは製造の方法を変更しようとするときは、許可を受けなければならない（軽微なものを除く）。また、軽微な変更の工事をしたときは、届け出なければならない。
第二種製造者は、製造のための施設の位置、構造若しくは設備の変更の工事をし、又は製造する高圧ガスの種類若しくは製造の方法を変更しようとするときは、あらかじめ届出なければならない（軽微なものを除く）。</t>
    <rPh sb="0" eb="3">
      <t>ダイイッシュ</t>
    </rPh>
    <rPh sb="3" eb="5">
      <t>セイゾウ</t>
    </rPh>
    <rPh sb="5" eb="6">
      <t>シャ</t>
    </rPh>
    <rPh sb="8" eb="10">
      <t>セイゾウ</t>
    </rPh>
    <rPh sb="14" eb="16">
      <t>シセツ</t>
    </rPh>
    <rPh sb="17" eb="19">
      <t>イチ</t>
    </rPh>
    <rPh sb="20" eb="22">
      <t>コウゾウ</t>
    </rPh>
    <rPh sb="22" eb="23">
      <t>モ</t>
    </rPh>
    <rPh sb="26" eb="28">
      <t>セツビ</t>
    </rPh>
    <rPh sb="29" eb="31">
      <t>ヘンコウ</t>
    </rPh>
    <rPh sb="32" eb="34">
      <t>コウジ</t>
    </rPh>
    <rPh sb="37" eb="38">
      <t>マタ</t>
    </rPh>
    <rPh sb="39" eb="41">
      <t>セイゾウ</t>
    </rPh>
    <rPh sb="43" eb="45">
      <t>コウアツ</t>
    </rPh>
    <rPh sb="48" eb="50">
      <t>シュルイ</t>
    </rPh>
    <rPh sb="50" eb="51">
      <t>モ</t>
    </rPh>
    <rPh sb="54" eb="56">
      <t>セイゾウ</t>
    </rPh>
    <rPh sb="57" eb="59">
      <t>ホウホウ</t>
    </rPh>
    <rPh sb="60" eb="62">
      <t>ヘンコウ</t>
    </rPh>
    <rPh sb="72" eb="74">
      <t>キョカ</t>
    </rPh>
    <rPh sb="75" eb="76">
      <t>ウ</t>
    </rPh>
    <rPh sb="86" eb="88">
      <t>ケイビ</t>
    </rPh>
    <rPh sb="92" eb="93">
      <t>ノゾ</t>
    </rPh>
    <rPh sb="99" eb="101">
      <t>ケイビ</t>
    </rPh>
    <rPh sb="102" eb="104">
      <t>ヘンコウ</t>
    </rPh>
    <rPh sb="105" eb="107">
      <t>コウジ</t>
    </rPh>
    <rPh sb="114" eb="115">
      <t>トド</t>
    </rPh>
    <rPh sb="116" eb="117">
      <t>デ</t>
    </rPh>
    <rPh sb="128" eb="129">
      <t>ニ</t>
    </rPh>
    <rPh sb="204" eb="206">
      <t>トドケデ</t>
    </rPh>
    <phoneticPr fontId="9"/>
  </si>
  <si>
    <t>第20条（完成検査）</t>
    <rPh sb="0" eb="1">
      <t>ダイ</t>
    </rPh>
    <rPh sb="3" eb="4">
      <t>ジョウ</t>
    </rPh>
    <rPh sb="5" eb="7">
      <t>カンセイ</t>
    </rPh>
    <rPh sb="7" eb="9">
      <t>ケンサ</t>
    </rPh>
    <phoneticPr fontId="2"/>
  </si>
  <si>
    <t>第一種製造者は、製造のための施設の設置の工事又は変更の工事を完成したときは、製造のための施設について完成検査を受け、技術上の基準に適合していると認められた後でなければ、使用してはならない。</t>
    <rPh sb="0" eb="3">
      <t>ダイイッシュ</t>
    </rPh>
    <rPh sb="3" eb="5">
      <t>セイゾウ</t>
    </rPh>
    <rPh sb="5" eb="6">
      <t>シャ</t>
    </rPh>
    <rPh sb="8" eb="10">
      <t>セイゾウ</t>
    </rPh>
    <rPh sb="14" eb="16">
      <t>シセツ</t>
    </rPh>
    <rPh sb="17" eb="19">
      <t>セッチ</t>
    </rPh>
    <rPh sb="20" eb="22">
      <t>コウジ</t>
    </rPh>
    <rPh sb="22" eb="23">
      <t>マタ</t>
    </rPh>
    <rPh sb="24" eb="26">
      <t>ヘンコウ</t>
    </rPh>
    <rPh sb="27" eb="29">
      <t>コウジ</t>
    </rPh>
    <rPh sb="30" eb="32">
      <t>カンセイ</t>
    </rPh>
    <rPh sb="38" eb="40">
      <t>セイゾウ</t>
    </rPh>
    <rPh sb="44" eb="46">
      <t>シセツ</t>
    </rPh>
    <rPh sb="50" eb="52">
      <t>カンセイ</t>
    </rPh>
    <rPh sb="52" eb="54">
      <t>ケンサ</t>
    </rPh>
    <rPh sb="55" eb="56">
      <t>ウ</t>
    </rPh>
    <rPh sb="58" eb="60">
      <t>ギジュツ</t>
    </rPh>
    <rPh sb="60" eb="61">
      <t>ジョウ</t>
    </rPh>
    <rPh sb="62" eb="64">
      <t>キジュン</t>
    </rPh>
    <rPh sb="65" eb="67">
      <t>テキゴウ</t>
    </rPh>
    <rPh sb="72" eb="73">
      <t>ミト</t>
    </rPh>
    <rPh sb="77" eb="78">
      <t>アト</t>
    </rPh>
    <rPh sb="84" eb="86">
      <t>シヨウ</t>
    </rPh>
    <phoneticPr fontId="2"/>
  </si>
  <si>
    <t>第26条（危害予防規程）</t>
    <rPh sb="0" eb="1">
      <t>ダイ</t>
    </rPh>
    <rPh sb="3" eb="4">
      <t>ジョウ</t>
    </rPh>
    <rPh sb="5" eb="7">
      <t>キガイ</t>
    </rPh>
    <rPh sb="7" eb="9">
      <t>ヨボウ</t>
    </rPh>
    <rPh sb="9" eb="11">
      <t>キテイ</t>
    </rPh>
    <phoneticPr fontId="9"/>
  </si>
  <si>
    <t>第一種製造者は、危害予防規程を定め、届け出なければならない。変更したときも同様とする。</t>
    <rPh sb="0" eb="3">
      <t>ダイイッシュ</t>
    </rPh>
    <rPh sb="3" eb="5">
      <t>セイゾウ</t>
    </rPh>
    <rPh sb="5" eb="6">
      <t>シャ</t>
    </rPh>
    <rPh sb="8" eb="10">
      <t>キガイ</t>
    </rPh>
    <rPh sb="10" eb="12">
      <t>ヨボウ</t>
    </rPh>
    <rPh sb="12" eb="14">
      <t>キテイ</t>
    </rPh>
    <rPh sb="15" eb="16">
      <t>サダ</t>
    </rPh>
    <rPh sb="18" eb="19">
      <t>トド</t>
    </rPh>
    <rPh sb="20" eb="21">
      <t>デ</t>
    </rPh>
    <rPh sb="30" eb="32">
      <t>ヘンコウ</t>
    </rPh>
    <rPh sb="37" eb="39">
      <t>ドウヨウ</t>
    </rPh>
    <phoneticPr fontId="9"/>
  </si>
  <si>
    <t>第27条の4（冷凍保安責任者）</t>
    <rPh sb="0" eb="1">
      <t>ダイ</t>
    </rPh>
    <rPh sb="3" eb="4">
      <t>ジョウ</t>
    </rPh>
    <rPh sb="7" eb="9">
      <t>レイトウ</t>
    </rPh>
    <rPh sb="9" eb="11">
      <t>ホアン</t>
    </rPh>
    <rPh sb="11" eb="14">
      <t>セキニンシャ</t>
    </rPh>
    <phoneticPr fontId="9"/>
  </si>
  <si>
    <t>冷凍のため高圧ガスの製造をする者は、製造保安責任者免状の交付を受けている者であって、経験を有する者のうちから、冷凍保安責任者を選任し、法に定める職務を行わせなければならない。また、冷凍保安責任者を選任したときは届け出なければならない。</t>
    <rPh sb="0" eb="2">
      <t>レイトウ</t>
    </rPh>
    <rPh sb="5" eb="7">
      <t>コウアツ</t>
    </rPh>
    <rPh sb="10" eb="12">
      <t>セイゾウ</t>
    </rPh>
    <rPh sb="15" eb="16">
      <t>モノ</t>
    </rPh>
    <rPh sb="18" eb="20">
      <t>セイゾウ</t>
    </rPh>
    <rPh sb="20" eb="22">
      <t>ホアン</t>
    </rPh>
    <rPh sb="22" eb="25">
      <t>セキニンシャ</t>
    </rPh>
    <rPh sb="25" eb="27">
      <t>メンジョウ</t>
    </rPh>
    <rPh sb="28" eb="30">
      <t>コウフ</t>
    </rPh>
    <rPh sb="31" eb="32">
      <t>ウ</t>
    </rPh>
    <rPh sb="36" eb="37">
      <t>モノ</t>
    </rPh>
    <rPh sb="42" eb="44">
      <t>ケイケン</t>
    </rPh>
    <rPh sb="45" eb="46">
      <t>ユウ</t>
    </rPh>
    <rPh sb="48" eb="49">
      <t>モノ</t>
    </rPh>
    <rPh sb="55" eb="57">
      <t>レイトウ</t>
    </rPh>
    <rPh sb="57" eb="59">
      <t>ホアン</t>
    </rPh>
    <rPh sb="59" eb="62">
      <t>セキニンシャ</t>
    </rPh>
    <rPh sb="63" eb="65">
      <t>センニン</t>
    </rPh>
    <rPh sb="67" eb="68">
      <t>ホウ</t>
    </rPh>
    <rPh sb="69" eb="70">
      <t>サダ</t>
    </rPh>
    <rPh sb="72" eb="74">
      <t>ショクム</t>
    </rPh>
    <rPh sb="75" eb="76">
      <t>オコナ</t>
    </rPh>
    <rPh sb="90" eb="92">
      <t>レイトウ</t>
    </rPh>
    <rPh sb="92" eb="94">
      <t>ホアン</t>
    </rPh>
    <rPh sb="94" eb="97">
      <t>セキニンシャ</t>
    </rPh>
    <rPh sb="98" eb="100">
      <t>センニン</t>
    </rPh>
    <rPh sb="105" eb="106">
      <t>トド</t>
    </rPh>
    <rPh sb="107" eb="108">
      <t>デ</t>
    </rPh>
    <phoneticPr fontId="9"/>
  </si>
  <si>
    <t>第35条（保安検査）</t>
    <rPh sb="0" eb="1">
      <t>ダイ</t>
    </rPh>
    <rPh sb="3" eb="4">
      <t>ジョウ</t>
    </rPh>
    <rPh sb="5" eb="7">
      <t>ホアン</t>
    </rPh>
    <rPh sb="7" eb="9">
      <t>ケンサ</t>
    </rPh>
    <phoneticPr fontId="2"/>
  </si>
  <si>
    <t>第一種製造者は、高圧ガスの製造のための施設について、経済産業省令で定めるところにより、定期に、保安検査を受けなければならない。</t>
    <rPh sb="0" eb="3">
      <t>ダイイッシュ</t>
    </rPh>
    <rPh sb="3" eb="5">
      <t>セイゾウ</t>
    </rPh>
    <rPh sb="5" eb="6">
      <t>シャ</t>
    </rPh>
    <rPh sb="8" eb="10">
      <t>コウアツ</t>
    </rPh>
    <rPh sb="13" eb="15">
      <t>セイゾウ</t>
    </rPh>
    <rPh sb="19" eb="21">
      <t>シセツ</t>
    </rPh>
    <rPh sb="26" eb="28">
      <t>ケイザイ</t>
    </rPh>
    <rPh sb="28" eb="31">
      <t>サンギョウショウ</t>
    </rPh>
    <rPh sb="31" eb="32">
      <t>レイ</t>
    </rPh>
    <rPh sb="33" eb="34">
      <t>サダ</t>
    </rPh>
    <rPh sb="43" eb="45">
      <t>テイキ</t>
    </rPh>
    <rPh sb="47" eb="49">
      <t>ホアン</t>
    </rPh>
    <rPh sb="49" eb="51">
      <t>ケンサ</t>
    </rPh>
    <rPh sb="52" eb="53">
      <t>ウ</t>
    </rPh>
    <phoneticPr fontId="2"/>
  </si>
  <si>
    <t>第35条の2（定期自主検査）</t>
    <rPh sb="0" eb="1">
      <t>ダイ</t>
    </rPh>
    <rPh sb="3" eb="4">
      <t>ジョウ</t>
    </rPh>
    <rPh sb="7" eb="9">
      <t>テイキ</t>
    </rPh>
    <rPh sb="9" eb="11">
      <t>ジシュ</t>
    </rPh>
    <rPh sb="11" eb="13">
      <t>ケンサ</t>
    </rPh>
    <phoneticPr fontId="2"/>
  </si>
  <si>
    <t>高圧ガスを貯蔵したり消費する場合は、高圧ガス保安法の次の条項に該当する場合があります。</t>
    <rPh sb="0" eb="2">
      <t>コウアツ</t>
    </rPh>
    <phoneticPr fontId="9"/>
  </si>
  <si>
    <t>第15条（貯蔵）</t>
    <phoneticPr fontId="2"/>
  </si>
  <si>
    <t>高圧ガスの貯蔵は、技術上の基準に従ってしなければならない。</t>
    <phoneticPr fontId="2"/>
  </si>
  <si>
    <t>容積300立方メートル（政令で定めるガスは、政令で定める値）以上の高圧ガスを貯蔵するときは、許可を受けて設置する貯蔵所（第一種貯蔵所）においてしなければならない。</t>
    <rPh sb="12" eb="14">
      <t>セイレイ</t>
    </rPh>
    <rPh sb="15" eb="16">
      <t>サダ</t>
    </rPh>
    <rPh sb="22" eb="24">
      <t>セイレイ</t>
    </rPh>
    <rPh sb="25" eb="26">
      <t>サダ</t>
    </rPh>
    <rPh sb="28" eb="29">
      <t>アタイ</t>
    </rPh>
    <rPh sb="30" eb="32">
      <t>イジョウ</t>
    </rPh>
    <rPh sb="61" eb="62">
      <t>イチ</t>
    </rPh>
    <phoneticPr fontId="2"/>
  </si>
  <si>
    <t>第17条の2</t>
    <rPh sb="0" eb="1">
      <t>ダイ</t>
    </rPh>
    <rPh sb="3" eb="4">
      <t>ジョウ</t>
    </rPh>
    <phoneticPr fontId="9"/>
  </si>
  <si>
    <t>第18条</t>
    <phoneticPr fontId="2"/>
  </si>
  <si>
    <t>第一種貯蔵所の所有者は、第一種貯蔵所を、その位置、構造及び設備が技術上の基準に適合するように維持しなければならない。</t>
    <rPh sb="1" eb="2">
      <t>イチ</t>
    </rPh>
    <rPh sb="13" eb="14">
      <t>イチ</t>
    </rPh>
    <phoneticPr fontId="2"/>
  </si>
  <si>
    <t>第24条の4</t>
    <rPh sb="0" eb="1">
      <t>ダイ</t>
    </rPh>
    <rPh sb="3" eb="4">
      <t>ジョウ</t>
    </rPh>
    <phoneticPr fontId="2"/>
  </si>
  <si>
    <t>特定高圧ガス消費者は、定期に、保安のための自主検査を行い、検査記録を作成し、保存しなければならない。</t>
    <rPh sb="0" eb="2">
      <t>トクテイ</t>
    </rPh>
    <rPh sb="2" eb="4">
      <t>コウアツ</t>
    </rPh>
    <rPh sb="6" eb="9">
      <t>ショウヒシャ</t>
    </rPh>
    <rPh sb="11" eb="13">
      <t>テイキ</t>
    </rPh>
    <rPh sb="15" eb="17">
      <t>ホアン</t>
    </rPh>
    <rPh sb="21" eb="23">
      <t>ジシュ</t>
    </rPh>
    <rPh sb="23" eb="25">
      <t>ケンサ</t>
    </rPh>
    <rPh sb="26" eb="27">
      <t>オコナ</t>
    </rPh>
    <rPh sb="29" eb="31">
      <t>ケンサ</t>
    </rPh>
    <rPh sb="31" eb="33">
      <t>キロク</t>
    </rPh>
    <rPh sb="34" eb="36">
      <t>サクセイ</t>
    </rPh>
    <rPh sb="38" eb="40">
      <t>ホゾン</t>
    </rPh>
    <phoneticPr fontId="2"/>
  </si>
  <si>
    <t>大型の空調設備を設置する場合は、高圧ガス保安法の次の条項に該当する場合があります。</t>
    <rPh sb="0" eb="2">
      <t>オオガタ</t>
    </rPh>
    <rPh sb="3" eb="5">
      <t>クウチョウ</t>
    </rPh>
    <rPh sb="5" eb="7">
      <t>セツビ</t>
    </rPh>
    <rPh sb="8" eb="10">
      <t>セッチ</t>
    </rPh>
    <rPh sb="12" eb="14">
      <t>バアイ</t>
    </rPh>
    <rPh sb="16" eb="18">
      <t>コウアツ</t>
    </rPh>
    <rPh sb="20" eb="23">
      <t>ホアンホウ</t>
    </rPh>
    <rPh sb="24" eb="25">
      <t>ツギ</t>
    </rPh>
    <rPh sb="26" eb="28">
      <t>ジョウコウ</t>
    </rPh>
    <rPh sb="29" eb="31">
      <t>ガイトウ</t>
    </rPh>
    <rPh sb="33" eb="35">
      <t>バアイ</t>
    </rPh>
    <phoneticPr fontId="9"/>
  </si>
  <si>
    <t>容積300立方メートル（第16条の許可を受けている場合を除く。）以上の高圧ガスを貯蔵するときは、あらかじめ届け出て設置する貯蔵所（第二種貯蔵所）においてしなければならない。</t>
    <rPh sb="12" eb="13">
      <t>ダイ</t>
    </rPh>
    <rPh sb="15" eb="16">
      <t>ジョウ</t>
    </rPh>
    <rPh sb="17" eb="19">
      <t>キョカ</t>
    </rPh>
    <rPh sb="20" eb="21">
      <t>ウ</t>
    </rPh>
    <rPh sb="25" eb="27">
      <t>バアイ</t>
    </rPh>
    <rPh sb="28" eb="29">
      <t>ノゾ</t>
    </rPh>
    <rPh sb="32" eb="34">
      <t>イジョウ</t>
    </rPh>
    <rPh sb="53" eb="54">
      <t>トド</t>
    </rPh>
    <rPh sb="55" eb="56">
      <t>デ</t>
    </rPh>
    <rPh sb="66" eb="67">
      <t>ニ</t>
    </rPh>
    <phoneticPr fontId="2"/>
  </si>
  <si>
    <t>特定高圧ガス消費者は、消費のための施設の位置、構造、設備の変更の工事（軽微なものを除く）をしようとするときは、届け出なければならない。</t>
    <rPh sb="0" eb="2">
      <t>トクテイ</t>
    </rPh>
    <rPh sb="2" eb="4">
      <t>コウアツ</t>
    </rPh>
    <rPh sb="6" eb="8">
      <t>ショウヒ</t>
    </rPh>
    <rPh sb="8" eb="9">
      <t>シャ</t>
    </rPh>
    <rPh sb="11" eb="13">
      <t>ショウヒ</t>
    </rPh>
    <rPh sb="17" eb="19">
      <t>シセツ</t>
    </rPh>
    <rPh sb="55" eb="56">
      <t>トド</t>
    </rPh>
    <rPh sb="57" eb="58">
      <t>デ</t>
    </rPh>
    <phoneticPr fontId="2"/>
  </si>
  <si>
    <t>第一種貯蔵所の所有者は、第一種貯蔵所の位置、構造、設備の変更の工事（軽微なものを除く）をしようとするときは、許可を受けなければならない。また、軽微な工事を行ったときは、届け出なければならない。
第二種貯蔵所の所有者は、第二種貯蔵所の位置、構造、設備の変更の工事（軽微なものを除く）をしようとするときは、届け出なければならない。</t>
    <rPh sb="1" eb="2">
      <t>イチ</t>
    </rPh>
    <rPh sb="13" eb="14">
      <t>イチ</t>
    </rPh>
    <rPh sb="34" eb="36">
      <t>ケイビ</t>
    </rPh>
    <rPh sb="40" eb="41">
      <t>ノゾ</t>
    </rPh>
    <rPh sb="71" eb="73">
      <t>ケイビ</t>
    </rPh>
    <rPh sb="74" eb="76">
      <t>コウジ</t>
    </rPh>
    <rPh sb="77" eb="78">
      <t>オコナ</t>
    </rPh>
    <rPh sb="84" eb="85">
      <t>トド</t>
    </rPh>
    <rPh sb="86" eb="87">
      <t>デ</t>
    </rPh>
    <rPh sb="97" eb="99">
      <t>ダイニ</t>
    </rPh>
    <rPh sb="99" eb="100">
      <t>シュ</t>
    </rPh>
    <rPh sb="100" eb="102">
      <t>チョゾウ</t>
    </rPh>
    <rPh sb="102" eb="103">
      <t>ショ</t>
    </rPh>
    <rPh sb="110" eb="111">
      <t>ニ</t>
    </rPh>
    <phoneticPr fontId="2"/>
  </si>
  <si>
    <t>第11条の２（使用の休止、再開の届出）</t>
    <rPh sb="0" eb="1">
      <t>ダイ</t>
    </rPh>
    <rPh sb="3" eb="4">
      <t>ジョウ</t>
    </rPh>
    <rPh sb="7" eb="9">
      <t>シヨウ</t>
    </rPh>
    <rPh sb="10" eb="12">
      <t>キュウシ</t>
    </rPh>
    <rPh sb="13" eb="15">
      <t>サイカイ</t>
    </rPh>
    <rPh sb="16" eb="18">
      <t>トドケデ</t>
    </rPh>
    <phoneticPr fontId="2"/>
  </si>
  <si>
    <t>浄化槽を設置する場合、又は構造等の変更をする場合は工事開始２１日前まで（国土交通大臣認定型の浄化槽の場合は10日前まで）に知事に届出が必要。</t>
    <phoneticPr fontId="2"/>
  </si>
  <si>
    <t>浄化槽管理者は、毎年１回以上浄化槽の保守点検および清掃をしなければならない。
回数については、環境省令で定める。</t>
    <rPh sb="12" eb="14">
      <t>イジョウ</t>
    </rPh>
    <rPh sb="39" eb="41">
      <t>カイスウ</t>
    </rPh>
    <rPh sb="47" eb="49">
      <t>カンキョウ</t>
    </rPh>
    <rPh sb="49" eb="50">
      <t>ショウ</t>
    </rPh>
    <rPh sb="50" eb="51">
      <t>レイ</t>
    </rPh>
    <rPh sb="52" eb="53">
      <t>サダ</t>
    </rPh>
    <phoneticPr fontId="2"/>
  </si>
  <si>
    <t>消防法（所管課：消防保安課）</t>
    <rPh sb="4" eb="6">
      <t>ショカン</t>
    </rPh>
    <rPh sb="6" eb="7">
      <t>カ</t>
    </rPh>
    <rPh sb="8" eb="10">
      <t>ショウボウ</t>
    </rPh>
    <rPh sb="10" eb="12">
      <t>ホアン</t>
    </rPh>
    <rPh sb="12" eb="13">
      <t>カ</t>
    </rPh>
    <phoneticPr fontId="2"/>
  </si>
  <si>
    <t>高圧ガス保安法（所管課：消防保安課）</t>
    <rPh sb="8" eb="10">
      <t>ショカン</t>
    </rPh>
    <rPh sb="10" eb="11">
      <t>カ</t>
    </rPh>
    <rPh sb="12" eb="14">
      <t>ショウボウ</t>
    </rPh>
    <rPh sb="14" eb="16">
      <t>ホアン</t>
    </rPh>
    <rPh sb="16" eb="17">
      <t>カ</t>
    </rPh>
    <phoneticPr fontId="2"/>
  </si>
  <si>
    <t>第17条（事故の際の措置）</t>
    <rPh sb="0" eb="1">
      <t>ダイ</t>
    </rPh>
    <rPh sb="3" eb="4">
      <t>ジョウ</t>
    </rPh>
    <rPh sb="5" eb="7">
      <t>ジコ</t>
    </rPh>
    <rPh sb="8" eb="9">
      <t>サイ</t>
    </rPh>
    <rPh sb="10" eb="12">
      <t>ソチ</t>
    </rPh>
    <phoneticPr fontId="2"/>
  </si>
  <si>
    <t>・産業廃棄物を保管する場合は、保管基準が適用される。産業廃棄物の運搬、処分を他人に委託する場合は、委託基準が適用される。
・保管基準（周囲に囲いがあること、縦横60cm以上の必要事項が記載された掲示板があること、飛散・流出・地下浸透・悪臭がないこと）
・委託基準（委託しようとする産業廃棄物の運搬及び処分が事業の範囲に含まれている者に委託する、委託契約は書面で必要事項を記載すること、契約は運搬・処分それぞれと結ぶ、契約書・添付書面は５年間保存）
・運搬又は処分を委託する場合は、処理の状況に関する確認（実地確認・公表情報等による確認）を行い、最終処分が終了するまでの一連の処理の行程における処理が適正に行われるために必要な措置を講ずるよう努めなければならない（第12条の２（事業者の特別管理産業廃棄物に係る処理）においても同じ。）。</t>
    <rPh sb="165" eb="166">
      <t>モノ</t>
    </rPh>
    <phoneticPr fontId="9"/>
  </si>
  <si>
    <t>・特別管理産業廃棄物を保管する場合は、保管基準が適用される。特別管理産業廃棄物の運搬、処分を他人に委託する場合は、委託基準が適用される。
特別管理産業廃棄物管理責任者を設置する必要がある。
・保管基準（周囲に囲いがあること、縦横60cm以上の必要事項が記載された掲示板があること、飛散・流出・地下浸透・悪臭がないこと）（廃酸、廃アルカリは容器に入れ密封し、腐食防止の措置が必要）（ＰＣＢ汚染物等は容器に入れ密封、揮発防止、腐食防止、高温にさらされないような措置が必要）
・委託基準（委託しようとする特別管理産業廃棄物の運搬及び処分が事業の範囲に含まれている者に委託する、委託契約は書面で必要事項を記載すること、契約は運搬・処分それぞれと結ぶ、契約書・添付書面は５年間保存、予め委託する特別管理産業廃棄物の種類、数量、性状などを委託先に文書で通知する）</t>
    <rPh sb="1" eb="3">
      <t>トクベツ</t>
    </rPh>
    <rPh sb="3" eb="5">
      <t>カンリ</t>
    </rPh>
    <rPh sb="5" eb="7">
      <t>サンギョウ</t>
    </rPh>
    <rPh sb="7" eb="10">
      <t>ハイキブツ</t>
    </rPh>
    <rPh sb="11" eb="13">
      <t>ホカン</t>
    </rPh>
    <rPh sb="15" eb="17">
      <t>バアイ</t>
    </rPh>
    <rPh sb="19" eb="21">
      <t>ホカン</t>
    </rPh>
    <rPh sb="21" eb="23">
      <t>キジュン</t>
    </rPh>
    <rPh sb="24" eb="26">
      <t>テキヨウ</t>
    </rPh>
    <rPh sb="30" eb="32">
      <t>トクベツ</t>
    </rPh>
    <rPh sb="32" eb="34">
      <t>カンリ</t>
    </rPh>
    <rPh sb="34" eb="36">
      <t>サンギョウ</t>
    </rPh>
    <rPh sb="36" eb="39">
      <t>ハイキブツ</t>
    </rPh>
    <rPh sb="40" eb="42">
      <t>ウンパン</t>
    </rPh>
    <rPh sb="43" eb="45">
      <t>ショブン</t>
    </rPh>
    <rPh sb="46" eb="48">
      <t>タニン</t>
    </rPh>
    <rPh sb="49" eb="51">
      <t>イタク</t>
    </rPh>
    <rPh sb="53" eb="55">
      <t>バアイ</t>
    </rPh>
    <rPh sb="57" eb="59">
      <t>イタク</t>
    </rPh>
    <rPh sb="59" eb="61">
      <t>キジュン</t>
    </rPh>
    <rPh sb="62" eb="64">
      <t>テキヨウ</t>
    </rPh>
    <rPh sb="69" eb="71">
      <t>トクベツ</t>
    </rPh>
    <rPh sb="71" eb="73">
      <t>カンリ</t>
    </rPh>
    <rPh sb="73" eb="75">
      <t>サンギョウ</t>
    </rPh>
    <rPh sb="75" eb="78">
      <t>ハイキブツ</t>
    </rPh>
    <rPh sb="78" eb="80">
      <t>カンリ</t>
    </rPh>
    <rPh sb="80" eb="82">
      <t>セキニン</t>
    </rPh>
    <rPh sb="82" eb="83">
      <t>シャ</t>
    </rPh>
    <rPh sb="84" eb="86">
      <t>セッチ</t>
    </rPh>
    <rPh sb="88" eb="90">
      <t>ヒツヨウ</t>
    </rPh>
    <rPh sb="278" eb="279">
      <t>モノ</t>
    </rPh>
    <phoneticPr fontId="2"/>
  </si>
  <si>
    <t>第22条（水銀等貯蔵量の報告）</t>
    <rPh sb="0" eb="1">
      <t>ダイ</t>
    </rPh>
    <rPh sb="3" eb="4">
      <t>ジョウ</t>
    </rPh>
    <rPh sb="5" eb="7">
      <t>スイギン</t>
    </rPh>
    <rPh sb="7" eb="8">
      <t>トウ</t>
    </rPh>
    <rPh sb="8" eb="10">
      <t>チョゾウ</t>
    </rPh>
    <rPh sb="10" eb="11">
      <t>リョウ</t>
    </rPh>
    <rPh sb="12" eb="14">
      <t>ホウコク</t>
    </rPh>
    <phoneticPr fontId="2"/>
  </si>
  <si>
    <t>冷媒としてフロン類が充塡されている業務用エアコン・冷蔵機器・冷凍機器（自動販売機を含む）（以下、「第一種特定製品」という。）の所有者等が機器の使用等をする際、フロン類の使用の合理化及び管理の適正化に関する法律の次の条項が該当します。</t>
    <phoneticPr fontId="2"/>
  </si>
  <si>
    <t>第35条の2（定期自主検査）</t>
    <phoneticPr fontId="9"/>
  </si>
  <si>
    <t>第一種製造者及び認定指定設備により高圧ガスを製造する第二種製造者は、定期に、保安のための自主検査を行い、検査記録を作成し、保存しなければならない。</t>
    <phoneticPr fontId="9"/>
  </si>
  <si>
    <t>第63条（事故届）</t>
    <rPh sb="5" eb="8">
      <t>ジコトドケ</t>
    </rPh>
    <phoneticPr fontId="9"/>
  </si>
  <si>
    <t>第一種製造者、第二種製造者、販売業者、液化石油ガス法第六条の液化石油ガス販売事業者、高圧ガスを貯蔵し、又は消費する者、容器製造業者、容器の輸入をした者その他高圧ガス又は容器を取り扱う者は、次に掲げる場合は、遅滞なく、その旨を都道府県知事又は警察官に届け出なければならない。
一　その所有し、又は占有する高圧ガスについて災害が発生したとき。
二　その所有し、又は占有する高圧ガス又は容器を喪失し、又は盗まれたとき。</t>
    <phoneticPr fontId="9"/>
  </si>
  <si>
    <t>第20条（完成検査）</t>
    <phoneticPr fontId="9"/>
  </si>
  <si>
    <t>第一種貯蔵所の所有者は、第一種貯蔵所の設置の工事又は変更の工事を完成したときは、第一種貯蔵所について完成検査を受け、技術上の基準に適合していると認められた後でなければ、使用してはならない。</t>
    <phoneticPr fontId="9"/>
  </si>
  <si>
    <t>第16条（貯蔵所）</t>
    <phoneticPr fontId="2"/>
  </si>
  <si>
    <t>第18条の17(特定粉じん排出等作業の実施の届出)</t>
    <rPh sb="0" eb="1">
      <t>ダイ</t>
    </rPh>
    <rPh sb="3" eb="4">
      <t>ジョウ</t>
    </rPh>
    <rPh sb="8" eb="10">
      <t>トクテイ</t>
    </rPh>
    <rPh sb="10" eb="11">
      <t>フン</t>
    </rPh>
    <rPh sb="13" eb="15">
      <t>ハイシュツ</t>
    </rPh>
    <rPh sb="15" eb="16">
      <t>トウ</t>
    </rPh>
    <rPh sb="16" eb="18">
      <t>サギョウ</t>
    </rPh>
    <rPh sb="19" eb="21">
      <t>ジッシ</t>
    </rPh>
    <rPh sb="22" eb="24">
      <t>トドケデ</t>
    </rPh>
    <phoneticPr fontId="9"/>
  </si>
  <si>
    <t>吹付け石綿、石綿を含有する断熱材・保温材・耐火被覆材を改造等する作業の発注者は、作業の開始の日の14日前までに届出が必要。</t>
    <phoneticPr fontId="9"/>
  </si>
  <si>
    <t>第52条の５（石綿排出等作業に係る届出）</t>
    <phoneticPr fontId="9"/>
  </si>
  <si>
    <t>第52条の６（石綿排出等作業の完了の報告）</t>
    <rPh sb="0" eb="1">
      <t>ダイ</t>
    </rPh>
    <rPh sb="3" eb="4">
      <t>ジョウ</t>
    </rPh>
    <rPh sb="7" eb="9">
      <t>イシワタ</t>
    </rPh>
    <rPh sb="9" eb="11">
      <t>ハイシュツ</t>
    </rPh>
    <rPh sb="11" eb="12">
      <t>トウ</t>
    </rPh>
    <rPh sb="12" eb="14">
      <t>サギョウ</t>
    </rPh>
    <rPh sb="15" eb="17">
      <t>カンリョウ</t>
    </rPh>
    <rPh sb="18" eb="20">
      <t>ホウコク</t>
    </rPh>
    <phoneticPr fontId="9"/>
  </si>
  <si>
    <t>第52条の８（建築物等からの石綿飛散防止措置）</t>
    <rPh sb="0" eb="1">
      <t>ダイ</t>
    </rPh>
    <rPh sb="3" eb="4">
      <t>ジョウ</t>
    </rPh>
    <rPh sb="7" eb="10">
      <t>ケンチクブツ</t>
    </rPh>
    <rPh sb="10" eb="11">
      <t>トウ</t>
    </rPh>
    <rPh sb="14" eb="16">
      <t>イシワタ</t>
    </rPh>
    <rPh sb="16" eb="18">
      <t>ヒサン</t>
    </rPh>
    <rPh sb="18" eb="20">
      <t>ボウシ</t>
    </rPh>
    <rPh sb="20" eb="22">
      <t>ソチ</t>
    </rPh>
    <phoneticPr fontId="9"/>
  </si>
  <si>
    <t>吹付け石綿、石綿を含有する断熱材・保温材・耐火被覆材を改造等する作業の発注者は、作業の開始の日の14日前までに届出が必要</t>
    <rPh sb="43" eb="45">
      <t>カイシ</t>
    </rPh>
    <rPh sb="46" eb="47">
      <t>ヒ</t>
    </rPh>
    <phoneticPr fontId="9"/>
  </si>
  <si>
    <t>吹付け石綿、石綿を含有する断熱材・保温材・耐火被覆材を改造等する作業の発注者は、作業が完了したときはその日から起算して30日以内に知事に報告しなければならない。</t>
    <rPh sb="43" eb="45">
      <t>カンリョウ</t>
    </rPh>
    <rPh sb="52" eb="53">
      <t>ヒ</t>
    </rPh>
    <rPh sb="55" eb="57">
      <t>キサン</t>
    </rPh>
    <rPh sb="61" eb="62">
      <t>ヒ</t>
    </rPh>
    <rPh sb="62" eb="64">
      <t>イナイ</t>
    </rPh>
    <rPh sb="65" eb="67">
      <t>チジ</t>
    </rPh>
    <rPh sb="68" eb="70">
      <t>ホウコク</t>
    </rPh>
    <phoneticPr fontId="9"/>
  </si>
  <si>
    <t>建築物等の所有者等は、当該建築物等に吹付け石綿、石綿を含有する断熱材・保温材・耐火被覆材が使用されているかどうかを把握するとともに、石綿の大気中への排出又は飛散を防止するために必要な措置を講ずるよう努めなければならない。</t>
    <rPh sb="0" eb="3">
      <t>ケンチクブツ</t>
    </rPh>
    <rPh sb="3" eb="4">
      <t>トウ</t>
    </rPh>
    <rPh sb="5" eb="8">
      <t>ショユウシャ</t>
    </rPh>
    <rPh sb="8" eb="9">
      <t>トウ</t>
    </rPh>
    <rPh sb="11" eb="13">
      <t>トウガイ</t>
    </rPh>
    <rPh sb="13" eb="16">
      <t>ケンチクブツ</t>
    </rPh>
    <rPh sb="16" eb="17">
      <t>トウ</t>
    </rPh>
    <rPh sb="45" eb="47">
      <t>シヨウ</t>
    </rPh>
    <rPh sb="57" eb="59">
      <t>ハアク</t>
    </rPh>
    <rPh sb="66" eb="68">
      <t>イシワタ</t>
    </rPh>
    <rPh sb="69" eb="71">
      <t>タイキ</t>
    </rPh>
    <rPh sb="71" eb="72">
      <t>ナカ</t>
    </rPh>
    <rPh sb="74" eb="76">
      <t>ハイシュツ</t>
    </rPh>
    <rPh sb="76" eb="77">
      <t>マタ</t>
    </rPh>
    <rPh sb="78" eb="80">
      <t>ヒサン</t>
    </rPh>
    <rPh sb="81" eb="83">
      <t>ボウシ</t>
    </rPh>
    <rPh sb="88" eb="90">
      <t>ヒツヨウ</t>
    </rPh>
    <rPh sb="91" eb="93">
      <t>ソチ</t>
    </rPh>
    <rPh sb="94" eb="95">
      <t>コウ</t>
    </rPh>
    <rPh sb="99" eb="100">
      <t>ツト</t>
    </rPh>
    <phoneticPr fontId="9"/>
  </si>
  <si>
    <t>カドミウムやテトラクロロエチレンなどの有害物質を使用する特定施設（水質汚濁防止法参照）の使用を廃止したときは、当該施設に係る敷地の土壌の汚染状態を調査する義務があります。また、一定規模以上の土地の形質変更（掘削）を行う場合にも、土壌の汚染状態を調査するよう命じられる場合があります。</t>
    <rPh sb="19" eb="21">
      <t>ユウガイ</t>
    </rPh>
    <rPh sb="21" eb="23">
      <t>ブッシツ</t>
    </rPh>
    <rPh sb="24" eb="26">
      <t>シヨウ</t>
    </rPh>
    <rPh sb="28" eb="30">
      <t>トクテイ</t>
    </rPh>
    <rPh sb="30" eb="32">
      <t>シセツ</t>
    </rPh>
    <rPh sb="40" eb="42">
      <t>サンショウ</t>
    </rPh>
    <rPh sb="44" eb="46">
      <t>シヨウ</t>
    </rPh>
    <rPh sb="47" eb="49">
      <t>ハイシ</t>
    </rPh>
    <rPh sb="55" eb="57">
      <t>トウガイ</t>
    </rPh>
    <rPh sb="57" eb="59">
      <t>シセツ</t>
    </rPh>
    <rPh sb="60" eb="61">
      <t>カカ</t>
    </rPh>
    <rPh sb="62" eb="64">
      <t>シキチ</t>
    </rPh>
    <rPh sb="65" eb="67">
      <t>ドジョウ</t>
    </rPh>
    <rPh sb="68" eb="70">
      <t>オセン</t>
    </rPh>
    <rPh sb="70" eb="72">
      <t>ジョウタイ</t>
    </rPh>
    <rPh sb="73" eb="75">
      <t>チョウサ</t>
    </rPh>
    <rPh sb="77" eb="79">
      <t>ギム</t>
    </rPh>
    <rPh sb="109" eb="111">
      <t>バアイ</t>
    </rPh>
    <rPh sb="114" eb="116">
      <t>ドジョウ</t>
    </rPh>
    <rPh sb="117" eb="119">
      <t>オセン</t>
    </rPh>
    <rPh sb="119" eb="121">
      <t>ジョウタイ</t>
    </rPh>
    <rPh sb="122" eb="124">
      <t>チョウサ</t>
    </rPh>
    <rPh sb="128" eb="129">
      <t>メイ</t>
    </rPh>
    <rPh sb="133" eb="135">
      <t>バアイ</t>
    </rPh>
    <phoneticPr fontId="2"/>
  </si>
  <si>
    <t>第３条（使用が廃止された有害物質使用特定施設に係る工場又は事業場の敷地であった土地の調査）</t>
    <phoneticPr fontId="9"/>
  </si>
  <si>
    <t>・使用が廃止された有害物質使用特定施設に係る工場・事業場の敷地であった土地の所有者等は、特定有害物質（※１）による土壌の汚染の状況を指定調査機関に調査させ、その結果を、義務が発生した日から120日以内に都道府県知事（※２）に報告しなければならない。
・ただし、施設の廃止後も引き続き工場・事業場として利用する場合等には、知事の確認を受けることによって、調査の実施が一時免除される。
※１：カドミウム、テトラクロロエチレンなど26項目
※２：政令に定める県内10市においては市長</t>
    <rPh sb="41" eb="42">
      <t>トウ</t>
    </rPh>
    <rPh sb="44" eb="46">
      <t>トクテイ</t>
    </rPh>
    <rPh sb="46" eb="48">
      <t>ユウガイ</t>
    </rPh>
    <rPh sb="48" eb="50">
      <t>ブッシツ</t>
    </rPh>
    <rPh sb="66" eb="68">
      <t>シテイ</t>
    </rPh>
    <rPh sb="68" eb="70">
      <t>チョウサ</t>
    </rPh>
    <rPh sb="70" eb="72">
      <t>キカン</t>
    </rPh>
    <rPh sb="84" eb="86">
      <t>ギム</t>
    </rPh>
    <rPh sb="87" eb="89">
      <t>ハッセイ</t>
    </rPh>
    <rPh sb="91" eb="92">
      <t>ヒ</t>
    </rPh>
    <rPh sb="97" eb="98">
      <t>ニチ</t>
    </rPh>
    <rPh sb="98" eb="100">
      <t>イナイ</t>
    </rPh>
    <rPh sb="130" eb="132">
      <t>シセツ</t>
    </rPh>
    <rPh sb="133" eb="135">
      <t>ハイシ</t>
    </rPh>
    <rPh sb="135" eb="136">
      <t>ゴ</t>
    </rPh>
    <rPh sb="137" eb="138">
      <t>ヒ</t>
    </rPh>
    <rPh sb="139" eb="140">
      <t>ツヅ</t>
    </rPh>
    <rPh sb="141" eb="143">
      <t>コウジョウ</t>
    </rPh>
    <rPh sb="144" eb="147">
      <t>ジギョウジョウ</t>
    </rPh>
    <rPh sb="150" eb="152">
      <t>リヨウ</t>
    </rPh>
    <rPh sb="154" eb="156">
      <t>バアイ</t>
    </rPh>
    <rPh sb="156" eb="157">
      <t>トウ</t>
    </rPh>
    <rPh sb="160" eb="162">
      <t>チジ</t>
    </rPh>
    <rPh sb="163" eb="165">
      <t>カクニン</t>
    </rPh>
    <rPh sb="166" eb="167">
      <t>ウ</t>
    </rPh>
    <rPh sb="176" eb="178">
      <t>チョウサ</t>
    </rPh>
    <rPh sb="179" eb="181">
      <t>ジッシ</t>
    </rPh>
    <rPh sb="182" eb="184">
      <t>イチジ</t>
    </rPh>
    <rPh sb="184" eb="186">
      <t>メンジョ</t>
    </rPh>
    <rPh sb="214" eb="216">
      <t>コウモク</t>
    </rPh>
    <rPh sb="220" eb="222">
      <t>セイレイ</t>
    </rPh>
    <rPh sb="223" eb="224">
      <t>サダ</t>
    </rPh>
    <rPh sb="226" eb="227">
      <t>ケン</t>
    </rPh>
    <rPh sb="227" eb="228">
      <t>ナイ</t>
    </rPh>
    <rPh sb="230" eb="231">
      <t>シ</t>
    </rPh>
    <rPh sb="236" eb="238">
      <t>シチョウ</t>
    </rPh>
    <phoneticPr fontId="2"/>
  </si>
  <si>
    <t>第４条（土壌汚染のおそれがある土地の形質の変更が行われる場合の調査）</t>
    <rPh sb="0" eb="1">
      <t>ダイ</t>
    </rPh>
    <rPh sb="2" eb="3">
      <t>ジョウ</t>
    </rPh>
    <phoneticPr fontId="9"/>
  </si>
  <si>
    <t>・3,000㎡以上（※３、※４）の土地の形質の変更をしようとする者（一般には工事の発注者）は、着手日の30日前までに都道府県知事に届出をしなければならない。
・都道府県知事は行政保有情報を調査し、当該土地において土壌汚染のおそれがあると判断した場合には、土地の所有者等に対して土壌の汚染状態を調査し報告するよう命ずる（調査命令）。
※３：有害物質使用特定施設を設置している工場・事業場の敷地は900㎡以上が対象。
※４：掘削と盛土を行う場合は、それらの面積を合計して届出対象の有無を判断する。また、飛び地や工期が異なる場合でも、同一の事業計画や目的の工事であれば、基本的には面積を合計して判断する。</t>
    <rPh sb="7" eb="9">
      <t>イジョウ</t>
    </rPh>
    <rPh sb="17" eb="19">
      <t>トチ</t>
    </rPh>
    <rPh sb="20" eb="22">
      <t>ケイシツ</t>
    </rPh>
    <rPh sb="23" eb="25">
      <t>ヘンコウ</t>
    </rPh>
    <rPh sb="32" eb="33">
      <t>モノ</t>
    </rPh>
    <rPh sb="41" eb="44">
      <t>ハッチュウシャ</t>
    </rPh>
    <rPh sb="47" eb="49">
      <t>チャクシュ</t>
    </rPh>
    <rPh sb="49" eb="50">
      <t>ビ</t>
    </rPh>
    <rPh sb="53" eb="55">
      <t>ニチマエ</t>
    </rPh>
    <rPh sb="58" eb="62">
      <t>トドウフケン</t>
    </rPh>
    <rPh sb="62" eb="64">
      <t>チジ</t>
    </rPh>
    <rPh sb="65" eb="67">
      <t>トドケデ</t>
    </rPh>
    <rPh sb="80" eb="84">
      <t>トドウフケン</t>
    </rPh>
    <rPh sb="84" eb="86">
      <t>チジ</t>
    </rPh>
    <rPh sb="87" eb="89">
      <t>ギョウセイ</t>
    </rPh>
    <rPh sb="89" eb="91">
      <t>ホユウ</t>
    </rPh>
    <rPh sb="91" eb="93">
      <t>ジョウホウ</t>
    </rPh>
    <rPh sb="94" eb="96">
      <t>チョウサ</t>
    </rPh>
    <rPh sb="98" eb="100">
      <t>トウガイ</t>
    </rPh>
    <rPh sb="100" eb="102">
      <t>トチ</t>
    </rPh>
    <rPh sb="106" eb="108">
      <t>ドジョウ</t>
    </rPh>
    <rPh sb="108" eb="110">
      <t>オセン</t>
    </rPh>
    <rPh sb="118" eb="120">
      <t>ハンダン</t>
    </rPh>
    <rPh sb="122" eb="124">
      <t>バアイ</t>
    </rPh>
    <rPh sb="127" eb="129">
      <t>トチ</t>
    </rPh>
    <rPh sb="130" eb="133">
      <t>ショユウシャ</t>
    </rPh>
    <rPh sb="133" eb="134">
      <t>トウ</t>
    </rPh>
    <rPh sb="135" eb="136">
      <t>タイ</t>
    </rPh>
    <rPh sb="138" eb="140">
      <t>ドジョウ</t>
    </rPh>
    <rPh sb="141" eb="143">
      <t>オセン</t>
    </rPh>
    <rPh sb="143" eb="145">
      <t>ジョウタイ</t>
    </rPh>
    <rPh sb="146" eb="148">
      <t>チョウサ</t>
    </rPh>
    <rPh sb="149" eb="151">
      <t>ホウコク</t>
    </rPh>
    <rPh sb="159" eb="161">
      <t>チョウサ</t>
    </rPh>
    <rPh sb="161" eb="163">
      <t>メイレイ</t>
    </rPh>
    <rPh sb="169" eb="171">
      <t>ユウガイ</t>
    </rPh>
    <rPh sb="171" eb="173">
      <t>ブッシツ</t>
    </rPh>
    <rPh sb="173" eb="175">
      <t>シヨウ</t>
    </rPh>
    <rPh sb="175" eb="177">
      <t>トクテイ</t>
    </rPh>
    <rPh sb="177" eb="179">
      <t>シセツ</t>
    </rPh>
    <rPh sb="180" eb="182">
      <t>セッチ</t>
    </rPh>
    <rPh sb="186" eb="188">
      <t>コウジョウ</t>
    </rPh>
    <rPh sb="189" eb="192">
      <t>ジギョウジョウ</t>
    </rPh>
    <rPh sb="193" eb="195">
      <t>シキチ</t>
    </rPh>
    <rPh sb="200" eb="202">
      <t>イジョウ</t>
    </rPh>
    <rPh sb="203" eb="205">
      <t>タイショウ</t>
    </rPh>
    <rPh sb="282" eb="285">
      <t>キホンテキ</t>
    </rPh>
    <rPh sb="290" eb="292">
      <t>ゴウケイ</t>
    </rPh>
    <phoneticPr fontId="2"/>
  </si>
  <si>
    <t>第６条（要措置区域の指定等）</t>
    <rPh sb="0" eb="1">
      <t>ダイ</t>
    </rPh>
    <rPh sb="2" eb="3">
      <t>ジョウ</t>
    </rPh>
    <phoneticPr fontId="9"/>
  </si>
  <si>
    <t>第11条（形質変更時要届出区域の指定等）</t>
    <rPh sb="3" eb="4">
      <t>ジョウ</t>
    </rPh>
    <phoneticPr fontId="9"/>
  </si>
  <si>
    <t>・都道府県知事は「土壌の汚染状態に関する基準」に適合していないが、「健康被害が生ずるおそれ」がないと認める土地を『形質変更時要届出区域』に指定（告示）する。</t>
    <rPh sb="24" eb="26">
      <t>テキゴウ</t>
    </rPh>
    <rPh sb="50" eb="51">
      <t>ミト</t>
    </rPh>
    <rPh sb="53" eb="55">
      <t>トチ</t>
    </rPh>
    <rPh sb="57" eb="67">
      <t>ケイヘン</t>
    </rPh>
    <phoneticPr fontId="9"/>
  </si>
  <si>
    <t>第12条（形質変更時要届出区域内における土地の形質の変更の届出及び計画変更命令）</t>
    <rPh sb="0" eb="1">
      <t>ダイ</t>
    </rPh>
    <rPh sb="3" eb="4">
      <t>ジョウ</t>
    </rPh>
    <phoneticPr fontId="9"/>
  </si>
  <si>
    <t>・形質変更時要届出区域に指定された土地の形質を変更しようとする者は、着手日の14日前までに都道府県知事に届出をしなければならない。
・当該形質変更の際は、省令及び告示に定める施行方法の基準に従わなければならない。
・届け出を受けた都道府県知事は、その施行方法が基準に適合しないと認める場合は計画の変更を命することができる。</t>
    <rPh sb="1" eb="3">
      <t>ケイシツ</t>
    </rPh>
    <rPh sb="3" eb="5">
      <t>ヘンコウ</t>
    </rPh>
    <rPh sb="5" eb="6">
      <t>ジ</t>
    </rPh>
    <rPh sb="6" eb="7">
      <t>ヨウ</t>
    </rPh>
    <rPh sb="7" eb="9">
      <t>トドケデ</t>
    </rPh>
    <rPh sb="9" eb="11">
      <t>クイキ</t>
    </rPh>
    <rPh sb="12" eb="14">
      <t>シテイ</t>
    </rPh>
    <rPh sb="17" eb="19">
      <t>トチ</t>
    </rPh>
    <rPh sb="20" eb="22">
      <t>ケイシツ</t>
    </rPh>
    <rPh sb="23" eb="25">
      <t>ヘンコウ</t>
    </rPh>
    <rPh sb="31" eb="32">
      <t>シャ</t>
    </rPh>
    <rPh sb="34" eb="36">
      <t>チャクシュ</t>
    </rPh>
    <rPh sb="36" eb="37">
      <t>ビ</t>
    </rPh>
    <rPh sb="40" eb="41">
      <t>ニチ</t>
    </rPh>
    <rPh sb="41" eb="42">
      <t>マエ</t>
    </rPh>
    <rPh sb="45" eb="49">
      <t>トドウフケン</t>
    </rPh>
    <rPh sb="49" eb="51">
      <t>チジ</t>
    </rPh>
    <rPh sb="52" eb="54">
      <t>トドケデ</t>
    </rPh>
    <rPh sb="67" eb="69">
      <t>トウガイ</t>
    </rPh>
    <rPh sb="69" eb="71">
      <t>ケイシツ</t>
    </rPh>
    <rPh sb="71" eb="73">
      <t>ヘンコウ</t>
    </rPh>
    <rPh sb="74" eb="75">
      <t>サイ</t>
    </rPh>
    <rPh sb="84" eb="85">
      <t>サダ</t>
    </rPh>
    <rPh sb="87" eb="89">
      <t>セコウ</t>
    </rPh>
    <rPh sb="89" eb="91">
      <t>ホウホウ</t>
    </rPh>
    <rPh sb="92" eb="94">
      <t>キジュン</t>
    </rPh>
    <rPh sb="95" eb="96">
      <t>シタガ</t>
    </rPh>
    <rPh sb="108" eb="109">
      <t>トド</t>
    </rPh>
    <rPh sb="110" eb="111">
      <t>デ</t>
    </rPh>
    <rPh sb="112" eb="113">
      <t>ウ</t>
    </rPh>
    <rPh sb="115" eb="119">
      <t>トドウフケン</t>
    </rPh>
    <rPh sb="119" eb="121">
      <t>チジ</t>
    </rPh>
    <rPh sb="125" eb="127">
      <t>セコウ</t>
    </rPh>
    <rPh sb="127" eb="129">
      <t>ホウホウ</t>
    </rPh>
    <rPh sb="130" eb="132">
      <t>キジュン</t>
    </rPh>
    <rPh sb="133" eb="135">
      <t>テキゴウ</t>
    </rPh>
    <rPh sb="139" eb="140">
      <t>ミト</t>
    </rPh>
    <rPh sb="142" eb="144">
      <t>バアイ</t>
    </rPh>
    <rPh sb="145" eb="147">
      <t>ケイカク</t>
    </rPh>
    <rPh sb="148" eb="150">
      <t>ヘンコウ</t>
    </rPh>
    <phoneticPr fontId="9"/>
  </si>
  <si>
    <t>第16条（汚染土壌の搬出時の届出及び計画変更命令）</t>
    <rPh sb="0" eb="1">
      <t>ダイ</t>
    </rPh>
    <rPh sb="3" eb="4">
      <t>ジョウ</t>
    </rPh>
    <phoneticPr fontId="9"/>
  </si>
  <si>
    <t>・要措置区域又は形質変更時要届出区域から汚染土壌を搬出しようとする者は、着手日の14日前までに都道府県知事に届出をしなければならない。
・届け出を受けた都道府県知事は、その運搬又は処理委託の方法が基準に適合しないと認める場合は計画の変更を命することができる。</t>
    <rPh sb="20" eb="22">
      <t>オセン</t>
    </rPh>
    <rPh sb="22" eb="24">
      <t>ドジョウ</t>
    </rPh>
    <rPh sb="25" eb="27">
      <t>ハンシュツ</t>
    </rPh>
    <rPh sb="33" eb="34">
      <t>シャ</t>
    </rPh>
    <rPh sb="36" eb="38">
      <t>チャクシュ</t>
    </rPh>
    <rPh sb="38" eb="39">
      <t>ビ</t>
    </rPh>
    <rPh sb="42" eb="44">
      <t>ニチマエ</t>
    </rPh>
    <rPh sb="47" eb="51">
      <t>トドウフケン</t>
    </rPh>
    <rPh sb="51" eb="53">
      <t>チジ</t>
    </rPh>
    <rPh sb="54" eb="56">
      <t>トドケデ</t>
    </rPh>
    <rPh sb="86" eb="88">
      <t>ウンパン</t>
    </rPh>
    <rPh sb="88" eb="89">
      <t>マタ</t>
    </rPh>
    <rPh sb="90" eb="92">
      <t>ショリ</t>
    </rPh>
    <rPh sb="92" eb="94">
      <t>イタク</t>
    </rPh>
    <phoneticPr fontId="9"/>
  </si>
  <si>
    <t>第18条（汚染土壌の処理の委託）</t>
    <rPh sb="0" eb="1">
      <t>ダイ</t>
    </rPh>
    <rPh sb="3" eb="4">
      <t>ジョウ</t>
    </rPh>
    <phoneticPr fontId="9"/>
  </si>
  <si>
    <t>・汚染土壌を指定区域の外へ搬出するとき、法第22条の許可を受けた『汚染土壌処理業者』に委託しなければならない。（適用除外あり）</t>
    <rPh sb="6" eb="8">
      <t>シテイ</t>
    </rPh>
    <rPh sb="20" eb="21">
      <t>ホウ</t>
    </rPh>
    <rPh sb="21" eb="22">
      <t>ダイ</t>
    </rPh>
    <rPh sb="24" eb="25">
      <t>ジョウ</t>
    </rPh>
    <rPh sb="26" eb="28">
      <t>キョカ</t>
    </rPh>
    <rPh sb="29" eb="30">
      <t>ウ</t>
    </rPh>
    <rPh sb="56" eb="58">
      <t>テキヨウ</t>
    </rPh>
    <rPh sb="58" eb="60">
      <t>ジョガイ</t>
    </rPh>
    <phoneticPr fontId="9"/>
  </si>
  <si>
    <t>廃棄物焼却炉、ボイラー、冷暖房施設、揮発油等の貯蔵施設等の施設を有する指定事業所等の場合、神奈川県生活環境の保全等に関する条例の次の条項に該当します。</t>
    <rPh sb="40" eb="41">
      <t>トウ</t>
    </rPh>
    <phoneticPr fontId="9"/>
  </si>
  <si>
    <t>指定事業所の設置の許可を受けた者は、当該指定事業所に配置される指定施設の設置の工事が完了したときは、その日から起算して15日以内に知事に届け出なければならない。</t>
    <rPh sb="6" eb="8">
      <t>セッチ</t>
    </rPh>
    <rPh sb="9" eb="11">
      <t>キョカ</t>
    </rPh>
    <rPh sb="12" eb="13">
      <t>ウ</t>
    </rPh>
    <rPh sb="15" eb="16">
      <t>モノ</t>
    </rPh>
    <rPh sb="18" eb="20">
      <t>トウガイ</t>
    </rPh>
    <rPh sb="20" eb="22">
      <t>シテイ</t>
    </rPh>
    <rPh sb="22" eb="24">
      <t>ジギョウ</t>
    </rPh>
    <rPh sb="24" eb="25">
      <t>ショ</t>
    </rPh>
    <rPh sb="26" eb="28">
      <t>ハイチ</t>
    </rPh>
    <rPh sb="31" eb="33">
      <t>シテイ</t>
    </rPh>
    <rPh sb="33" eb="35">
      <t>シセツ</t>
    </rPh>
    <rPh sb="36" eb="38">
      <t>セッチ</t>
    </rPh>
    <rPh sb="39" eb="41">
      <t>コウジ</t>
    </rPh>
    <rPh sb="42" eb="44">
      <t>カンリョウ</t>
    </rPh>
    <rPh sb="52" eb="53">
      <t>ヒ</t>
    </rPh>
    <rPh sb="55" eb="57">
      <t>キサン</t>
    </rPh>
    <rPh sb="61" eb="62">
      <t>ニチ</t>
    </rPh>
    <rPh sb="62" eb="64">
      <t>イナイ</t>
    </rPh>
    <rPh sb="65" eb="67">
      <t>チジ</t>
    </rPh>
    <rPh sb="68" eb="69">
      <t>トド</t>
    </rPh>
    <rPh sb="70" eb="71">
      <t>デ</t>
    </rPh>
    <phoneticPr fontId="2"/>
  </si>
  <si>
    <r>
      <t>第96条の３</t>
    </r>
    <r>
      <rPr>
        <sz val="9"/>
        <rFont val="ＭＳ Ｐ明朝"/>
        <family val="1"/>
        <charset val="128"/>
      </rPr>
      <t>（特定自動車の運行制限）</t>
    </r>
    <rPh sb="7" eb="9">
      <t>トクテイ</t>
    </rPh>
    <rPh sb="9" eb="12">
      <t>ジドウシャ</t>
    </rPh>
    <rPh sb="13" eb="15">
      <t>ウンコウ</t>
    </rPh>
    <rPh sb="15" eb="17">
      <t>セイゲン</t>
    </rPh>
    <phoneticPr fontId="2"/>
  </si>
  <si>
    <t>・有害物質を貯蔵又は使用する施設（指定施設）
・指定物質を製造、貯蔵、使用又は処理する施設（指定施設）
・重油・軽油・灯油・揮発油などの貯油施設　　　　　　　　　　　　　　　　　を持つ事業場は水質汚濁防止法の次の条項に該当します。</t>
    <phoneticPr fontId="2"/>
  </si>
  <si>
    <t>第７条（汚染除去等計画の提出等）</t>
    <rPh sb="0" eb="1">
      <t>ダイ</t>
    </rPh>
    <rPh sb="2" eb="3">
      <t>ジョウ</t>
    </rPh>
    <phoneticPr fontId="9"/>
  </si>
  <si>
    <t>・都道府県知事は、要措置区域内の土地の所有者等に対し、汚染除去等計画を作成し、これを都道府県知事に提出すべきことを指示する</t>
    <phoneticPr fontId="9"/>
  </si>
  <si>
    <t>第18条の15第2項（事前調査への解体等工事の発注者の協力）</t>
    <phoneticPr fontId="9"/>
  </si>
  <si>
    <t>解体等工事の発注者は、当該解体等工事の元請業者が行う事前調査に要する費用を適正に負担することその他当該調査に関し必要な措置を講ずることにより、当該調査に協力しなければならない。</t>
    <rPh sb="11" eb="13">
      <t>トウガイ</t>
    </rPh>
    <rPh sb="13" eb="15">
      <t>カイタイ</t>
    </rPh>
    <rPh sb="15" eb="16">
      <t>トウ</t>
    </rPh>
    <rPh sb="16" eb="18">
      <t>コウジ</t>
    </rPh>
    <rPh sb="26" eb="28">
      <t>ジゼン</t>
    </rPh>
    <phoneticPr fontId="9"/>
  </si>
  <si>
    <t>特定工事の発注者は、当該特定工事の元請業者に対し、施工方法、工期、工事費その他当該特定工事の請負契約に関する事項について、作業基準の遵守を妨げるおそれのある条件を付さないように配慮しなければならない。</t>
    <phoneticPr fontId="9"/>
  </si>
  <si>
    <t>第一種特定製品廃棄等実施者は、その第一種特定製品に冷媒として充塡されているフロン類を第一種フロン類充塡回収業者に自ら又は他の者に委託して引き渡すときは、次の事項を記載した書面（回収依頼書・他の者に引き渡しを委託するときは委託確認書）を交付し写しを3年間保存しなければならない。
　一　第一種特定製品廃棄等実施者の氏名、名称及び住所
　二　フロン類が充塡されている第一種特定製品の種類及び数
　三　第一種フロン類充塡回収業者又は引き渡しの委託を受けた者の氏名、名称及び住所
　四　その他主務省令で定める事項（当該書面の交付年月日、第一種特定製品の所在、第一種フロン
　　 類充塡回収業者の登録番号）</t>
    <rPh sb="7" eb="10">
      <t>ハイキトウ</t>
    </rPh>
    <rPh sb="10" eb="13">
      <t>ジッシシャ</t>
    </rPh>
    <rPh sb="17" eb="20">
      <t>ダイイッシュ</t>
    </rPh>
    <rPh sb="20" eb="22">
      <t>トクテイ</t>
    </rPh>
    <rPh sb="22" eb="24">
      <t>セイヒン</t>
    </rPh>
    <rPh sb="25" eb="27">
      <t>レイバイ</t>
    </rPh>
    <rPh sb="30" eb="32">
      <t>ジュウテン</t>
    </rPh>
    <rPh sb="40" eb="41">
      <t>ルイ</t>
    </rPh>
    <rPh sb="42" eb="45">
      <t>ダイイッシュ</t>
    </rPh>
    <rPh sb="48" eb="49">
      <t>ルイ</t>
    </rPh>
    <rPh sb="49" eb="51">
      <t>ジュウテン</t>
    </rPh>
    <rPh sb="51" eb="53">
      <t>カイシュウ</t>
    </rPh>
    <rPh sb="53" eb="55">
      <t>ギョウシャ</t>
    </rPh>
    <rPh sb="56" eb="57">
      <t>ミズカ</t>
    </rPh>
    <rPh sb="58" eb="59">
      <t>マタ</t>
    </rPh>
    <rPh sb="60" eb="61">
      <t>タ</t>
    </rPh>
    <rPh sb="62" eb="63">
      <t>モノ</t>
    </rPh>
    <rPh sb="64" eb="66">
      <t>イタク</t>
    </rPh>
    <rPh sb="68" eb="69">
      <t>ヒ</t>
    </rPh>
    <rPh sb="70" eb="71">
      <t>ワタ</t>
    </rPh>
    <rPh sb="76" eb="77">
      <t>ツギ</t>
    </rPh>
    <rPh sb="78" eb="80">
      <t>ジコウ</t>
    </rPh>
    <rPh sb="81" eb="83">
      <t>キサイ</t>
    </rPh>
    <rPh sb="85" eb="87">
      <t>ショメン</t>
    </rPh>
    <rPh sb="88" eb="90">
      <t>カイシュウ</t>
    </rPh>
    <rPh sb="90" eb="93">
      <t>イライショ</t>
    </rPh>
    <rPh sb="117" eb="119">
      <t>コウフ</t>
    </rPh>
    <rPh sb="120" eb="121">
      <t>ウツ</t>
    </rPh>
    <rPh sb="124" eb="126">
      <t>ネンカン</t>
    </rPh>
    <rPh sb="126" eb="128">
      <t>ホゾン</t>
    </rPh>
    <rPh sb="140" eb="141">
      <t>イチ</t>
    </rPh>
    <rPh sb="152" eb="154">
      <t>ジッシ</t>
    </rPh>
    <rPh sb="154" eb="155">
      <t>シャ</t>
    </rPh>
    <rPh sb="156" eb="158">
      <t>シメイ</t>
    </rPh>
    <rPh sb="159" eb="161">
      <t>メイショウ</t>
    </rPh>
    <rPh sb="161" eb="162">
      <t>オヨ</t>
    </rPh>
    <rPh sb="163" eb="165">
      <t>ジュウショ</t>
    </rPh>
    <rPh sb="167" eb="168">
      <t>2</t>
    </rPh>
    <rPh sb="172" eb="173">
      <t>ルイ</t>
    </rPh>
    <rPh sb="174" eb="176">
      <t>ジュウテン</t>
    </rPh>
    <rPh sb="181" eb="184">
      <t>ダイイッシュ</t>
    </rPh>
    <rPh sb="184" eb="186">
      <t>トクテイ</t>
    </rPh>
    <rPh sb="186" eb="188">
      <t>セイヒン</t>
    </rPh>
    <rPh sb="189" eb="191">
      <t>シュルイ</t>
    </rPh>
    <rPh sb="191" eb="192">
      <t>オヨ</t>
    </rPh>
    <rPh sb="193" eb="194">
      <t>カズ</t>
    </rPh>
    <rPh sb="196" eb="197">
      <t>3</t>
    </rPh>
    <rPh sb="198" eb="201">
      <t>ダイイッシュ</t>
    </rPh>
    <rPh sb="204" eb="205">
      <t>ルイ</t>
    </rPh>
    <rPh sb="205" eb="207">
      <t>ジュウテン</t>
    </rPh>
    <rPh sb="207" eb="209">
      <t>カイシュウ</t>
    </rPh>
    <rPh sb="209" eb="211">
      <t>ギョウシャ</t>
    </rPh>
    <rPh sb="211" eb="212">
      <t>マタ</t>
    </rPh>
    <rPh sb="213" eb="214">
      <t>ヒ</t>
    </rPh>
    <rPh sb="215" eb="216">
      <t>ワタ</t>
    </rPh>
    <rPh sb="218" eb="220">
      <t>イタク</t>
    </rPh>
    <rPh sb="221" eb="222">
      <t>ウ</t>
    </rPh>
    <rPh sb="224" eb="225">
      <t>モノ</t>
    </rPh>
    <rPh sb="226" eb="228">
      <t>シメイ</t>
    </rPh>
    <rPh sb="229" eb="231">
      <t>メイショウ</t>
    </rPh>
    <rPh sb="231" eb="232">
      <t>オヨ</t>
    </rPh>
    <rPh sb="233" eb="235">
      <t>ジュウショ</t>
    </rPh>
    <rPh sb="237" eb="238">
      <t>ヨン</t>
    </rPh>
    <rPh sb="241" eb="242">
      <t>タ</t>
    </rPh>
    <rPh sb="242" eb="244">
      <t>シュム</t>
    </rPh>
    <rPh sb="244" eb="246">
      <t>ショウレイ</t>
    </rPh>
    <rPh sb="247" eb="248">
      <t>サダ</t>
    </rPh>
    <rPh sb="250" eb="252">
      <t>ジコウ</t>
    </rPh>
    <rPh sb="264" eb="265">
      <t>ダイ</t>
    </rPh>
    <rPh sb="265" eb="267">
      <t>イッシュ</t>
    </rPh>
    <rPh sb="267" eb="269">
      <t>トクテイ</t>
    </rPh>
    <rPh sb="269" eb="271">
      <t>セイヒン</t>
    </rPh>
    <rPh sb="272" eb="274">
      <t>ショザイ</t>
    </rPh>
    <phoneticPr fontId="2"/>
  </si>
  <si>
    <t>改訂履歴</t>
    <rPh sb="0" eb="2">
      <t>カイテイ</t>
    </rPh>
    <rPh sb="2" eb="4">
      <t>リレキ</t>
    </rPh>
    <phoneticPr fontId="9"/>
  </si>
  <si>
    <t>「フロン類の使用の合理化及び管理の適正化に関する法律」第16条に基づく告示(管理者の判断の基準)を追記。</t>
    <phoneticPr fontId="9"/>
  </si>
  <si>
    <t>第18条の16第1項（特定工事の発注者の配慮）</t>
    <phoneticPr fontId="9"/>
  </si>
  <si>
    <r>
      <t>・都道府県知事は「土壌の汚染状態に関する基準」に適合せず、かつ「健康被害が生ずるおそれ」があると認める土地（※５）を『要措置区域』に指定（告示）</t>
    </r>
    <r>
      <rPr>
        <sz val="9"/>
        <rFont val="ＭＳ Ｐ明朝"/>
        <family val="1"/>
        <charset val="128"/>
      </rPr>
      <t>する。
※５：例えば、土壌溶出量基準に適合せず、周辺で地下水の飲用利用者がある土地、あるいは土壌含有量基準に適合せず、当該土地に関係者以外の者が立ち入ることができる土地</t>
    </r>
    <rPh sb="1" eb="5">
      <t>トドウフケン</t>
    </rPh>
    <rPh sb="5" eb="7">
      <t>チジ</t>
    </rPh>
    <rPh sb="9" eb="11">
      <t>ドジョウ</t>
    </rPh>
    <rPh sb="12" eb="14">
      <t>オセン</t>
    </rPh>
    <rPh sb="14" eb="16">
      <t>ジョウタイ</t>
    </rPh>
    <rPh sb="17" eb="18">
      <t>カン</t>
    </rPh>
    <rPh sb="20" eb="22">
      <t>キジュン</t>
    </rPh>
    <rPh sb="24" eb="26">
      <t>テキゴウ</t>
    </rPh>
    <rPh sb="32" eb="34">
      <t>ケンコウ</t>
    </rPh>
    <rPh sb="34" eb="36">
      <t>ヒガイ</t>
    </rPh>
    <rPh sb="37" eb="38">
      <t>ショウ</t>
    </rPh>
    <rPh sb="48" eb="49">
      <t>ミト</t>
    </rPh>
    <rPh sb="51" eb="53">
      <t>トチ</t>
    </rPh>
    <rPh sb="59" eb="60">
      <t>ヨウ</t>
    </rPh>
    <rPh sb="60" eb="62">
      <t>ソチ</t>
    </rPh>
    <rPh sb="62" eb="64">
      <t>クイキ</t>
    </rPh>
    <rPh sb="66" eb="68">
      <t>シテイ</t>
    </rPh>
    <rPh sb="69" eb="71">
      <t>コクジ</t>
    </rPh>
    <rPh sb="79" eb="80">
      <t>タト</t>
    </rPh>
    <rPh sb="83" eb="85">
      <t>ドジョウ</t>
    </rPh>
    <rPh sb="85" eb="87">
      <t>ヨウシュツ</t>
    </rPh>
    <rPh sb="87" eb="88">
      <t>リョウ</t>
    </rPh>
    <rPh sb="88" eb="90">
      <t>キジュン</t>
    </rPh>
    <rPh sb="91" eb="93">
      <t>テキゴウ</t>
    </rPh>
    <rPh sb="96" eb="98">
      <t>シュウヘン</t>
    </rPh>
    <rPh sb="99" eb="102">
      <t>チカスイ</t>
    </rPh>
    <rPh sb="103" eb="105">
      <t>インヨウ</t>
    </rPh>
    <rPh sb="105" eb="107">
      <t>リヨウ</t>
    </rPh>
    <rPh sb="107" eb="108">
      <t>シャ</t>
    </rPh>
    <rPh sb="111" eb="113">
      <t>トチ</t>
    </rPh>
    <rPh sb="118" eb="120">
      <t>ドジョウ</t>
    </rPh>
    <rPh sb="120" eb="123">
      <t>ガンユウリョウ</t>
    </rPh>
    <rPh sb="123" eb="125">
      <t>キジュン</t>
    </rPh>
    <rPh sb="126" eb="128">
      <t>テキゴウ</t>
    </rPh>
    <rPh sb="131" eb="133">
      <t>トウガイ</t>
    </rPh>
    <rPh sb="133" eb="135">
      <t>トチ</t>
    </rPh>
    <rPh sb="136" eb="139">
      <t>カンケイシャ</t>
    </rPh>
    <rPh sb="139" eb="141">
      <t>イガイ</t>
    </rPh>
    <rPh sb="142" eb="143">
      <t>シャ</t>
    </rPh>
    <rPh sb="154" eb="156">
      <t>トチ</t>
    </rPh>
    <phoneticPr fontId="9"/>
  </si>
  <si>
    <r>
      <t>・毎年一回以上、大気基準適用施設から排出される排出ガス又は水質基準適用事業場から排出される排出水につき、そのダイオキシン類による汚染の状況について測定を行わなければならない。 
・廃棄物焼却炉である特定施設に係る測定は、集じん機によって集められたばいじん及び焼却灰その他の燃え殻につき、そのダイオキシン類による汚染の状況について、測定を行わなければならない。
測定を行ったときは、その結果を</t>
    </r>
    <r>
      <rPr>
        <sz val="9"/>
        <rFont val="ＭＳ Ｐ明朝"/>
        <family val="1"/>
        <charset val="128"/>
      </rPr>
      <t>知事に報告しなければならない。</t>
    </r>
    <rPh sb="40" eb="42">
      <t>ハイシュツ</t>
    </rPh>
    <rPh sb="45" eb="47">
      <t>ハイシュツ</t>
    </rPh>
    <rPh sb="47" eb="48">
      <t>スイ</t>
    </rPh>
    <phoneticPr fontId="2"/>
  </si>
  <si>
    <t>水質汚濁防止法</t>
  </si>
  <si>
    <t>下水道法</t>
  </si>
  <si>
    <t>浄化槽法</t>
  </si>
  <si>
    <t>下水道課</t>
  </si>
  <si>
    <t>生活衛生課</t>
  </si>
  <si>
    <t>消防法</t>
  </si>
  <si>
    <t>消防保安課</t>
  </si>
  <si>
    <t>高圧ガス保安法</t>
  </si>
  <si>
    <t>毒物及び劇物取締法</t>
  </si>
  <si>
    <t>薬務課</t>
  </si>
  <si>
    <t>騒音規制法</t>
  </si>
  <si>
    <t>振動規制法</t>
  </si>
  <si>
    <t>大気汚染防止法</t>
  </si>
  <si>
    <t>ダイオキシン類対策特別措置法</t>
  </si>
  <si>
    <t>神奈川県生活環境の保全等に関する条例</t>
  </si>
  <si>
    <t>特定家庭用機器再商品化法</t>
  </si>
  <si>
    <t>資源循環推進課</t>
  </si>
  <si>
    <t>使用済小型電子機器等の再資源化の促進に関する法律</t>
  </si>
  <si>
    <t>ＰＣＢ廃棄物の適正な処理の推進に関する特別措置法</t>
  </si>
  <si>
    <t>廃棄物の処理及び清掃に関する法律</t>
  </si>
  <si>
    <t>フロン類の使用の合理化及び管理の適正化に関する法律</t>
  </si>
  <si>
    <t>土壌汚染対策法</t>
  </si>
  <si>
    <t>法令</t>
    <rPh sb="0" eb="2">
      <t>ホウレイ</t>
    </rPh>
    <phoneticPr fontId="9"/>
  </si>
  <si>
    <t>所管課</t>
    <rPh sb="0" eb="2">
      <t>ショカン</t>
    </rPh>
    <rPh sb="2" eb="3">
      <t>カ</t>
    </rPh>
    <phoneticPr fontId="9"/>
  </si>
  <si>
    <t>プラスチックに係る資源循環の促進等に関する法律</t>
    <phoneticPr fontId="9"/>
  </si>
  <si>
    <t>プラスチックに係る資源循環の促進等に関する法律（所管課：資源循環推進課）</t>
    <rPh sb="24" eb="26">
      <t>ショカン</t>
    </rPh>
    <rPh sb="26" eb="27">
      <t>カ</t>
    </rPh>
    <rPh sb="28" eb="30">
      <t>シゲン</t>
    </rPh>
    <rPh sb="30" eb="32">
      <t>ジュンカン</t>
    </rPh>
    <rPh sb="32" eb="34">
      <t>スイシン</t>
    </rPh>
    <rPh sb="34" eb="35">
      <t>カ</t>
    </rPh>
    <phoneticPr fontId="2"/>
  </si>
  <si>
    <t>事業者は、プラスチック使用製品廃棄物及びプラスチック副産物を分別して排出するとともに、その再資源化等を行うよう努めなければならない。</t>
    <phoneticPr fontId="2"/>
  </si>
  <si>
    <t>第4条(事業者及び消費者の責務)</t>
    <rPh sb="0" eb="1">
      <t>ダイ</t>
    </rPh>
    <rPh sb="2" eb="3">
      <t>ジョウ</t>
    </rPh>
    <phoneticPr fontId="2"/>
  </si>
  <si>
    <t>第10条(認定プラスチック使用製品の調達についての配慮等)</t>
    <rPh sb="0" eb="1">
      <t>ダイ</t>
    </rPh>
    <rPh sb="3" eb="4">
      <t>ジョウ</t>
    </rPh>
    <phoneticPr fontId="9"/>
  </si>
  <si>
    <t>事業者は、プラスチック使用製品をなるべく長期間使用すること、プラスチック使用製品の過剰な使用を抑制すること等のプラスチック使用製品の使用の合理化により、プラスチック使用製品廃棄物の排出を抑制するとともに、使用済プラスチック使用製品等の再資源化等により得られた物又はこれを使用した物を使用するよう努めなければならない。</t>
    <phoneticPr fontId="9"/>
  </si>
  <si>
    <t>プラスチック使用製品を廃棄物として排出する場合や、プラスチック使用製品を調達する場合、プラスチックに係る資源循環の促進等に関する法律の次の条項が該当します。</t>
    <rPh sb="6" eb="8">
      <t>シヨウ</t>
    </rPh>
    <rPh sb="8" eb="10">
      <t>セイヒン</t>
    </rPh>
    <rPh sb="50" eb="51">
      <t>カカ</t>
    </rPh>
    <rPh sb="52" eb="54">
      <t>シゲン</t>
    </rPh>
    <rPh sb="54" eb="56">
      <t>ジュンカン</t>
    </rPh>
    <rPh sb="57" eb="59">
      <t>ソクシン</t>
    </rPh>
    <rPh sb="59" eb="60">
      <t>ナド</t>
    </rPh>
    <rPh sb="61" eb="62">
      <t>カン</t>
    </rPh>
    <phoneticPr fontId="9"/>
  </si>
  <si>
    <t>※上記、プラスチック使用製品廃棄物の排出の抑制や再資源化等の実施に関し、具体に取り組むべき事項については、「排出事業者のプラスチック使用製品産業廃棄物等の排出の抑制及び再資源化等の促進に関する判断の基準となるべき事項等を定める命令」で規定されている。</t>
    <rPh sb="1" eb="3">
      <t>ジョウキ</t>
    </rPh>
    <rPh sb="28" eb="29">
      <t>ナド</t>
    </rPh>
    <rPh sb="30" eb="32">
      <t>ジッシ</t>
    </rPh>
    <rPh sb="33" eb="34">
      <t>カン</t>
    </rPh>
    <rPh sb="36" eb="38">
      <t>グタイ</t>
    </rPh>
    <rPh sb="39" eb="40">
      <t>ト</t>
    </rPh>
    <rPh sb="41" eb="42">
      <t>ク</t>
    </rPh>
    <rPh sb="45" eb="47">
      <t>ジコウ</t>
    </rPh>
    <phoneticPr fontId="9"/>
  </si>
  <si>
    <t>第12条の４（有害物質使用特定施設等に係る構造基準等の遵守義務）</t>
    <rPh sb="7" eb="9">
      <t>ユウガイ</t>
    </rPh>
    <rPh sb="9" eb="11">
      <t>ブッシツ</t>
    </rPh>
    <rPh sb="11" eb="13">
      <t>シヨウ</t>
    </rPh>
    <rPh sb="13" eb="15">
      <t>トクテイ</t>
    </rPh>
    <rPh sb="15" eb="17">
      <t>シセツ</t>
    </rPh>
    <rPh sb="17" eb="18">
      <t>トウ</t>
    </rPh>
    <rPh sb="19" eb="20">
      <t>カカワ</t>
    </rPh>
    <rPh sb="21" eb="23">
      <t>コウゾウ</t>
    </rPh>
    <rPh sb="23" eb="25">
      <t>キジュン</t>
    </rPh>
    <rPh sb="25" eb="26">
      <t>トウ</t>
    </rPh>
    <rPh sb="27" eb="29">
      <t>ジュンシュ</t>
    </rPh>
    <rPh sb="29" eb="31">
      <t>ギム</t>
    </rPh>
    <phoneticPr fontId="2"/>
  </si>
  <si>
    <t>・排出水の汚染状態を測定し、その結果の記録を３年間保存しなければならない。
・有害物質使用特定施設等を設置する者は、その施設について定期に点検し、その結果の記録を３年間保存しなければならない。</t>
    <rPh sb="19" eb="21">
      <t>キロク</t>
    </rPh>
    <rPh sb="23" eb="25">
      <t>ネンカン</t>
    </rPh>
    <rPh sb="25" eb="27">
      <t>ホゾン</t>
    </rPh>
    <rPh sb="39" eb="41">
      <t>ユウガイ</t>
    </rPh>
    <rPh sb="41" eb="43">
      <t>ブッシツ</t>
    </rPh>
    <rPh sb="43" eb="45">
      <t>シヨウ</t>
    </rPh>
    <rPh sb="45" eb="47">
      <t>トクテイ</t>
    </rPh>
    <rPh sb="47" eb="49">
      <t>シセツ</t>
    </rPh>
    <rPh sb="49" eb="50">
      <t>トウ</t>
    </rPh>
    <rPh sb="51" eb="53">
      <t>セッチ</t>
    </rPh>
    <rPh sb="55" eb="56">
      <t>モノ</t>
    </rPh>
    <rPh sb="60" eb="62">
      <t>シセツ</t>
    </rPh>
    <rPh sb="66" eb="68">
      <t>テイキ</t>
    </rPh>
    <rPh sb="69" eb="71">
      <t>テンケン</t>
    </rPh>
    <rPh sb="75" eb="77">
      <t>ケッカ</t>
    </rPh>
    <rPh sb="78" eb="80">
      <t>キロク</t>
    </rPh>
    <rPh sb="82" eb="84">
      <t>ネンカン</t>
    </rPh>
    <rPh sb="84" eb="86">
      <t>ホゾン</t>
    </rPh>
    <phoneticPr fontId="2"/>
  </si>
  <si>
    <t>特定施設等の事故により、有害物質等が河川等や地下に流出し、被害を生ずるおそれがあるときは、防止措置を講ずるとともに事故状況等を届出なければならない。</t>
    <rPh sb="4" eb="5">
      <t>トウ</t>
    </rPh>
    <phoneticPr fontId="2"/>
  </si>
  <si>
    <t>指定施設又は貯油施設等の事故により、有害物質又は指定物質あるいは油を含む水等が河川等や地下に流出し、被害を生ずるおそれがあるときは、防止措置を講ずるとともに事故状況等を届出なければならない。</t>
    <rPh sb="0" eb="2">
      <t>シテイ</t>
    </rPh>
    <rPh sb="2" eb="4">
      <t>シセツ</t>
    </rPh>
    <rPh sb="4" eb="5">
      <t>マタ</t>
    </rPh>
    <rPh sb="10" eb="11">
      <t>トウ</t>
    </rPh>
    <rPh sb="18" eb="20">
      <t>ユウガイ</t>
    </rPh>
    <rPh sb="20" eb="22">
      <t>ブッシツ</t>
    </rPh>
    <rPh sb="22" eb="23">
      <t>マタ</t>
    </rPh>
    <rPh sb="24" eb="26">
      <t>シテイ</t>
    </rPh>
    <rPh sb="26" eb="28">
      <t>ブッシツ</t>
    </rPh>
    <phoneticPr fontId="2"/>
  </si>
  <si>
    <t>第14条（低濃度ＰＣＢ廃棄物の期間内の処分）</t>
    <rPh sb="0" eb="1">
      <t>ダイ</t>
    </rPh>
    <rPh sb="3" eb="4">
      <t>ジョウ</t>
    </rPh>
    <rPh sb="5" eb="8">
      <t>テイノウド</t>
    </rPh>
    <rPh sb="11" eb="14">
      <t>ハイキブツ</t>
    </rPh>
    <rPh sb="15" eb="18">
      <t>キカンナイ</t>
    </rPh>
    <rPh sb="19" eb="21">
      <t>ショブン</t>
    </rPh>
    <phoneticPr fontId="2"/>
  </si>
  <si>
    <t>主務大臣は、第一種特定製品の管理者が第一種特定製品の使用等に際して取組むべき措置に関して第一種特定製品の管理者の判断の基準となるべき事項を定め、これを公表するものとする。
（基準となるべき事項は、平成26年12月10日経済産業省・環境省 告示第13号に定める）</t>
    <rPh sb="0" eb="2">
      <t>シュム</t>
    </rPh>
    <rPh sb="2" eb="4">
      <t>ダイジン</t>
    </rPh>
    <rPh sb="6" eb="7">
      <t>ダイ</t>
    </rPh>
    <rPh sb="7" eb="9">
      <t>イッシュ</t>
    </rPh>
    <rPh sb="9" eb="11">
      <t>トクテイ</t>
    </rPh>
    <rPh sb="11" eb="13">
      <t>セイヒン</t>
    </rPh>
    <rPh sb="14" eb="17">
      <t>カンリシャ</t>
    </rPh>
    <rPh sb="18" eb="19">
      <t>ダイ</t>
    </rPh>
    <rPh sb="19" eb="21">
      <t>イッシュ</t>
    </rPh>
    <rPh sb="21" eb="23">
      <t>トクテイ</t>
    </rPh>
    <rPh sb="23" eb="25">
      <t>セイヒン</t>
    </rPh>
    <rPh sb="26" eb="29">
      <t>シヨウトウ</t>
    </rPh>
    <rPh sb="30" eb="31">
      <t>サイ</t>
    </rPh>
    <rPh sb="33" eb="35">
      <t>トリク</t>
    </rPh>
    <rPh sb="38" eb="40">
      <t>ソチ</t>
    </rPh>
    <rPh sb="41" eb="42">
      <t>カン</t>
    </rPh>
    <rPh sb="44" eb="45">
      <t>ダイ</t>
    </rPh>
    <rPh sb="45" eb="47">
      <t>イッシュ</t>
    </rPh>
    <rPh sb="47" eb="49">
      <t>トクテイ</t>
    </rPh>
    <rPh sb="49" eb="51">
      <t>セイヒン</t>
    </rPh>
    <rPh sb="52" eb="55">
      <t>カンリシャ</t>
    </rPh>
    <rPh sb="56" eb="58">
      <t>ハンダン</t>
    </rPh>
    <rPh sb="59" eb="61">
      <t>キジュン</t>
    </rPh>
    <rPh sb="66" eb="68">
      <t>ジコウ</t>
    </rPh>
    <rPh sb="69" eb="70">
      <t>サダ</t>
    </rPh>
    <rPh sb="75" eb="77">
      <t>コウヒョウ</t>
    </rPh>
    <rPh sb="87" eb="89">
      <t>キジュン</t>
    </rPh>
    <rPh sb="94" eb="96">
      <t>ジコウ</t>
    </rPh>
    <rPh sb="98" eb="100">
      <t>ヘイセイ</t>
    </rPh>
    <rPh sb="102" eb="103">
      <t>ネン</t>
    </rPh>
    <rPh sb="105" eb="106">
      <t>ガツ</t>
    </rPh>
    <rPh sb="108" eb="109">
      <t>ニチ</t>
    </rPh>
    <rPh sb="109" eb="111">
      <t>ケイザイ</t>
    </rPh>
    <rPh sb="111" eb="114">
      <t>サンギョウショウ</t>
    </rPh>
    <rPh sb="115" eb="118">
      <t>カンキョウショウ</t>
    </rPh>
    <rPh sb="119" eb="121">
      <t>コクジ</t>
    </rPh>
    <rPh sb="121" eb="122">
      <t>ダイ</t>
    </rPh>
    <rPh sb="124" eb="125">
      <t>ゴウ</t>
    </rPh>
    <rPh sb="126" eb="127">
      <t>サダ</t>
    </rPh>
    <phoneticPr fontId="2"/>
  </si>
  <si>
    <t>第41条（第一種特定製品廃棄等実施者の引渡義務）</t>
    <rPh sb="0" eb="1">
      <t>ダイ</t>
    </rPh>
    <rPh sb="3" eb="4">
      <t>ジョウ</t>
    </rPh>
    <rPh sb="14" eb="15">
      <t>トウ</t>
    </rPh>
    <rPh sb="15" eb="17">
      <t>ジッシ</t>
    </rPh>
    <phoneticPr fontId="2"/>
  </si>
  <si>
    <t>別添１「標準的な環境関連法令一覧」（庁舎管理等に係るもの）</t>
    <phoneticPr fontId="9"/>
  </si>
  <si>
    <t>・水質汚濁防止法（第12条の4、第14条の2）、大気汚染防止法（第18条の15第2項、
第18条の16第1項）、ダイオキシン類対策特別措置法（第28条）、ＰＣＢ廃棄物の適正な
処理の推進に関する特別措置法（第14条）、土壌汚染対策法（第6条、第7条）について、
追加または修正。
・法令および所管課を「別添１」として別シートに記載。
・その他、字句修正。
・「プラスチックに係る資源循環の促進等に関する法律（所管課：資源循環推進課）」を
　追加。
・「別添１」シート_「「標準的な環境関連法令一覧」（庁舎管理等に係るもの）」に
　「プラスチックに係る資源循環の促進等に関する法律」を追加。</t>
    <rPh sb="103" eb="104">
      <t>ダイ</t>
    </rPh>
    <rPh sb="106" eb="107">
      <t>ジョウ</t>
    </rPh>
    <rPh sb="141" eb="143">
      <t>ホウレイ</t>
    </rPh>
    <rPh sb="146" eb="148">
      <t>ショカン</t>
    </rPh>
    <rPh sb="148" eb="149">
      <t>カ</t>
    </rPh>
    <rPh sb="151" eb="153">
      <t>ベッテン</t>
    </rPh>
    <rPh sb="158" eb="159">
      <t>ベツ</t>
    </rPh>
    <rPh sb="163" eb="165">
      <t>キサイ</t>
    </rPh>
    <rPh sb="220" eb="222">
      <t>ツイカ</t>
    </rPh>
    <rPh sb="226" eb="228">
      <t>ベッテン</t>
    </rPh>
    <rPh sb="291" eb="293">
      <t>ツイカ</t>
    </rPh>
    <phoneticPr fontId="9"/>
  </si>
  <si>
    <t>第42条(特定解体工事元請業者の確認及び説明等)</t>
    <phoneticPr fontId="9"/>
  </si>
  <si>
    <t>環境課</t>
    <rPh sb="0" eb="2">
      <t>カンキョウ</t>
    </rPh>
    <phoneticPr fontId="9"/>
  </si>
  <si>
    <t>大気中に排気ガスを排出するボイラーや焼却炉などのばい煙発生施設を持っている場合、または建築物等の解体等工事や特定工事（石綿の排出等作業を伴う建設工事）を実施する場合は、同法の次の条項に該当します。</t>
    <phoneticPr fontId="9"/>
  </si>
  <si>
    <t>事業者は、騒音及び振動の防止に関する規制基準を遵守しなければならない。</t>
    <rPh sb="5" eb="7">
      <t>ソウオン</t>
    </rPh>
    <rPh sb="7" eb="8">
      <t>オヨ</t>
    </rPh>
    <rPh sb="9" eb="11">
      <t>シンドウ</t>
    </rPh>
    <rPh sb="12" eb="14">
      <t>ボウシ</t>
    </rPh>
    <rPh sb="15" eb="16">
      <t>カン</t>
    </rPh>
    <rPh sb="18" eb="20">
      <t>キセイ</t>
    </rPh>
    <phoneticPr fontId="9"/>
  </si>
  <si>
    <t xml:space="preserve">特定解体工事発注者（※１）は、第一項の規定による書面（※２）の交付を受けたときは、当該書面を当該交付を受けた日から主務省令で定める期間保存しなければならない。
※１　建築物その他の工作物（第一種特定製品が設置されていないことが明らかなものを除く。）の全部又は一部を解体する建設工事の発注者
※２　第一種特定製品の設置の有無の確認結果を記載した書面
</t>
    <rPh sb="168" eb="170">
      <t>キサイ</t>
    </rPh>
    <rPh sb="172" eb="174">
      <t>ショメン</t>
    </rPh>
    <phoneticPr fontId="9"/>
  </si>
  <si>
    <r>
      <t>事業者は、国が認定した「認定プラスチック使用製品」を使用するよう努めなければならない。
※令和５年</t>
    </r>
    <r>
      <rPr>
        <sz val="9"/>
        <color rgb="FFFF0000"/>
        <rFont val="ＭＳ Ｐ明朝"/>
        <family val="1"/>
        <charset val="128"/>
      </rPr>
      <t>12</t>
    </r>
    <r>
      <rPr>
        <sz val="9"/>
        <rFont val="ＭＳ Ｐ明朝"/>
        <family val="1"/>
        <charset val="128"/>
      </rPr>
      <t>月時点で、まだ認定事例なし</t>
    </r>
    <rPh sb="5" eb="6">
      <t>クニ</t>
    </rPh>
    <rPh sb="7" eb="9">
      <t>ニンテイ</t>
    </rPh>
    <rPh sb="45" eb="47">
      <t>レイワ</t>
    </rPh>
    <rPh sb="48" eb="49">
      <t>ネン</t>
    </rPh>
    <rPh sb="51" eb="52">
      <t>ガツ</t>
    </rPh>
    <rPh sb="52" eb="54">
      <t>ジテン</t>
    </rPh>
    <rPh sb="58" eb="60">
      <t>ニンテイ</t>
    </rPh>
    <rPh sb="60" eb="62">
      <t>ジレイ</t>
    </rPh>
    <phoneticPr fontId="9"/>
  </si>
  <si>
    <t>第17条（PCB廃棄物の譲渡し及び譲受けの制限）</t>
    <rPh sb="0" eb="1">
      <t>ダイ</t>
    </rPh>
    <rPh sb="3" eb="4">
      <t>ジョウ</t>
    </rPh>
    <rPh sb="8" eb="11">
      <t>ハイキブツ</t>
    </rPh>
    <rPh sb="12" eb="14">
      <t>ユズリワタ</t>
    </rPh>
    <rPh sb="15" eb="16">
      <t>オヨ</t>
    </rPh>
    <rPh sb="17" eb="19">
      <t>ユズリウ</t>
    </rPh>
    <rPh sb="21" eb="23">
      <t>セイゲン</t>
    </rPh>
    <phoneticPr fontId="9"/>
  </si>
  <si>
    <t>何人も、PCB廃棄物を譲り渡し、又は譲り受けてはならない。</t>
    <rPh sb="0" eb="2">
      <t>ナンピト</t>
    </rPh>
    <rPh sb="7" eb="10">
      <t>ハイキブツ</t>
    </rPh>
    <rPh sb="11" eb="12">
      <t>ユズ</t>
    </rPh>
    <rPh sb="13" eb="14">
      <t>ワタ</t>
    </rPh>
    <rPh sb="16" eb="17">
      <t>マタ</t>
    </rPh>
    <rPh sb="18" eb="19">
      <t>ユズ</t>
    </rPh>
    <rPh sb="20" eb="21">
      <t>ウ</t>
    </rPh>
    <phoneticPr fontId="9"/>
  </si>
  <si>
    <t>第32条（騒音及び振動基準の順守）</t>
    <rPh sb="0" eb="1">
      <t>ダイ</t>
    </rPh>
    <rPh sb="3" eb="4">
      <t>ジョウ</t>
    </rPh>
    <rPh sb="5" eb="7">
      <t>ソウオン</t>
    </rPh>
    <rPh sb="7" eb="8">
      <t>オヨ</t>
    </rPh>
    <rPh sb="9" eb="11">
      <t>シンドウ</t>
    </rPh>
    <rPh sb="11" eb="13">
      <t>キジュン</t>
    </rPh>
    <rPh sb="14" eb="16">
      <t>ジュンシュ</t>
    </rPh>
    <phoneticPr fontId="2"/>
  </si>
  <si>
    <t>・組織再編に伴い所管課名を修正（大気水質課→環境課）。
・神奈川県生活環境の保全等に関する条例第32条（騒音及び振動基準の順守）について追加。
・ＰＣＢ廃棄物の適正な処理の推進に関する特別措置法第17条（PCB廃棄物の譲渡し及び譲受けの制限）について追加。
・プラスチックに係る資源循環の促進等に関する法律第10条（認定プラスチック仕様製品の調達についての配慮等）の時点を修正。
・フロン類の使用の合理化及び管理の適正化に関する法律第42条(特定解体工事元請業者の確認及び説明等)について追加。</t>
    <rPh sb="1" eb="3">
      <t>ソシキ</t>
    </rPh>
    <rPh sb="3" eb="5">
      <t>サイヘン</t>
    </rPh>
    <rPh sb="6" eb="7">
      <t>トモナ</t>
    </rPh>
    <rPh sb="8" eb="10">
      <t>ショカン</t>
    </rPh>
    <rPh sb="10" eb="11">
      <t>カ</t>
    </rPh>
    <rPh sb="11" eb="12">
      <t>メイ</t>
    </rPh>
    <rPh sb="13" eb="15">
      <t>シュウセイ</t>
    </rPh>
    <rPh sb="16" eb="18">
      <t>タイキ</t>
    </rPh>
    <rPh sb="18" eb="20">
      <t>スイシツ</t>
    </rPh>
    <rPh sb="20" eb="21">
      <t>カ</t>
    </rPh>
    <rPh sb="22" eb="24">
      <t>カンキョウ</t>
    </rPh>
    <rPh sb="24" eb="25">
      <t>カ</t>
    </rPh>
    <rPh sb="68" eb="70">
      <t>ツイカ</t>
    </rPh>
    <rPh sb="125" eb="127">
      <t>ツイカ</t>
    </rPh>
    <rPh sb="137" eb="138">
      <t>カカ</t>
    </rPh>
    <rPh sb="139" eb="141">
      <t>シゲン</t>
    </rPh>
    <rPh sb="141" eb="143">
      <t>ジュンカン</t>
    </rPh>
    <rPh sb="144" eb="146">
      <t>ソクシン</t>
    </rPh>
    <rPh sb="146" eb="147">
      <t>トウ</t>
    </rPh>
    <rPh sb="148" eb="149">
      <t>カン</t>
    </rPh>
    <rPh sb="151" eb="153">
      <t>ホウリツ</t>
    </rPh>
    <rPh sb="153" eb="154">
      <t>ダイ</t>
    </rPh>
    <rPh sb="156" eb="157">
      <t>ジョウ</t>
    </rPh>
    <rPh sb="158" eb="160">
      <t>ニンテイ</t>
    </rPh>
    <rPh sb="166" eb="168">
      <t>シヨウ</t>
    </rPh>
    <rPh sb="168" eb="170">
      <t>セイヒン</t>
    </rPh>
    <rPh sb="171" eb="173">
      <t>チョウタツ</t>
    </rPh>
    <rPh sb="178" eb="180">
      <t>ハイリョ</t>
    </rPh>
    <rPh sb="180" eb="181">
      <t>トウ</t>
    </rPh>
    <rPh sb="183" eb="185">
      <t>ジテン</t>
    </rPh>
    <rPh sb="186" eb="188">
      <t>シュウセイ</t>
    </rPh>
    <phoneticPr fontId="9"/>
  </si>
  <si>
    <t>標準的な環境関連法令一覧（庁舎管理等に係るもの）＿令和６年２月16日更新</t>
    <rPh sb="0" eb="3">
      <t>ヒョウジュンテキ</t>
    </rPh>
    <rPh sb="4" eb="6">
      <t>カンキョウ</t>
    </rPh>
    <rPh sb="6" eb="8">
      <t>カンレン</t>
    </rPh>
    <rPh sb="8" eb="10">
      <t>ホウレイ</t>
    </rPh>
    <rPh sb="10" eb="12">
      <t>イチラン</t>
    </rPh>
    <rPh sb="13" eb="15">
      <t>チョウシャ</t>
    </rPh>
    <rPh sb="15" eb="17">
      <t>カンリ</t>
    </rPh>
    <rPh sb="17" eb="18">
      <t>トウ</t>
    </rPh>
    <rPh sb="19" eb="20">
      <t>カカ</t>
    </rPh>
    <rPh sb="25" eb="27">
      <t>レイワ</t>
    </rPh>
    <rPh sb="28" eb="29">
      <t>ネン</t>
    </rPh>
    <rPh sb="30" eb="31">
      <t>ガツ</t>
    </rPh>
    <rPh sb="33" eb="34">
      <t>ニチ</t>
    </rPh>
    <rPh sb="34" eb="36">
      <t>コウシン</t>
    </rPh>
    <phoneticPr fontId="2"/>
  </si>
  <si>
    <t>水質汚濁防止法（所管課：環境課）</t>
    <rPh sb="8" eb="10">
      <t>ショカン</t>
    </rPh>
    <rPh sb="10" eb="11">
      <t>カ</t>
    </rPh>
    <rPh sb="12" eb="14">
      <t>カンキョウ</t>
    </rPh>
    <rPh sb="14" eb="15">
      <t>カ</t>
    </rPh>
    <phoneticPr fontId="2"/>
  </si>
  <si>
    <t>騒音規制法（所管課：環境課）</t>
    <rPh sb="6" eb="8">
      <t>ショカン</t>
    </rPh>
    <rPh sb="8" eb="9">
      <t>カ</t>
    </rPh>
    <rPh sb="10" eb="12">
      <t>カンキョウ</t>
    </rPh>
    <rPh sb="12" eb="13">
      <t>カ</t>
    </rPh>
    <phoneticPr fontId="2"/>
  </si>
  <si>
    <t>定格出力７.５ｋW以上の送風機などの特定施設を使用する場合は、騒音規制法の次の条項に該当します。</t>
    <phoneticPr fontId="2"/>
  </si>
  <si>
    <t>振動規制法（所管課：環境課）</t>
    <rPh sb="6" eb="8">
      <t>ショカン</t>
    </rPh>
    <rPh sb="8" eb="9">
      <t>カ</t>
    </rPh>
    <rPh sb="10" eb="12">
      <t>カンキョウ</t>
    </rPh>
    <rPh sb="12" eb="13">
      <t>カ</t>
    </rPh>
    <phoneticPr fontId="2"/>
  </si>
  <si>
    <t>定格出力７.５ｋW以上の圧縮機などの特定施設を使用する場合は、振動規制法の次の条項に該当します。</t>
    <phoneticPr fontId="9"/>
  </si>
  <si>
    <t>大気汚染防止法（所管課：環境課）</t>
    <rPh sb="8" eb="10">
      <t>ショカン</t>
    </rPh>
    <rPh sb="10" eb="11">
      <t>カ</t>
    </rPh>
    <rPh sb="12" eb="14">
      <t>カンキョウ</t>
    </rPh>
    <rPh sb="14" eb="15">
      <t>カ</t>
    </rPh>
    <phoneticPr fontId="2"/>
  </si>
  <si>
    <t>ダイオキシン類対策特別措置法（所管課：環境課）</t>
    <rPh sb="15" eb="17">
      <t>ショカン</t>
    </rPh>
    <rPh sb="17" eb="18">
      <t>カ</t>
    </rPh>
    <rPh sb="19" eb="21">
      <t>カンキョウ</t>
    </rPh>
    <rPh sb="21" eb="22">
      <t>カ</t>
    </rPh>
    <phoneticPr fontId="2"/>
  </si>
  <si>
    <t>神奈川県生活環境の保全等に関する条例（所管課：環境課）</t>
    <rPh sb="19" eb="21">
      <t>ショカン</t>
    </rPh>
    <rPh sb="21" eb="22">
      <t>カ</t>
    </rPh>
    <rPh sb="23" eb="25">
      <t>カンキョウ</t>
    </rPh>
    <rPh sb="25" eb="26">
      <t>カ</t>
    </rPh>
    <phoneticPr fontId="2"/>
  </si>
  <si>
    <t>フロン類の使用の合理化及び管理の適正化に関する法律（所管課：環境課）</t>
    <rPh sb="3" eb="4">
      <t>ルイ</t>
    </rPh>
    <rPh sb="5" eb="7">
      <t>シヨウ</t>
    </rPh>
    <rPh sb="8" eb="11">
      <t>ゴウリカ</t>
    </rPh>
    <rPh sb="11" eb="12">
      <t>オヨ</t>
    </rPh>
    <rPh sb="13" eb="15">
      <t>カンリ</t>
    </rPh>
    <rPh sb="16" eb="19">
      <t>テキセイカ</t>
    </rPh>
    <rPh sb="20" eb="21">
      <t>カン</t>
    </rPh>
    <rPh sb="23" eb="25">
      <t>ホウリツ</t>
    </rPh>
    <rPh sb="26" eb="28">
      <t>ショカン</t>
    </rPh>
    <rPh sb="28" eb="29">
      <t>カ</t>
    </rPh>
    <rPh sb="30" eb="32">
      <t>カンキョウ</t>
    </rPh>
    <rPh sb="32" eb="33">
      <t>カ</t>
    </rPh>
    <phoneticPr fontId="2"/>
  </si>
  <si>
    <t>土壌汚染対策法（所管課：環境課）</t>
    <rPh sb="12" eb="14">
      <t>カンキョウ</t>
    </rPh>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font>
      <sz val="10"/>
      <name val="ＭＳ ゴシック"/>
      <family val="3"/>
      <charset val="128"/>
    </font>
    <font>
      <sz val="10"/>
      <name val="ＭＳ ゴシック"/>
      <family val="3"/>
      <charset val="128"/>
    </font>
    <font>
      <u/>
      <sz val="10"/>
      <color indexed="12"/>
      <name val="ＭＳ ゴシック"/>
      <family val="3"/>
      <charset val="128"/>
    </font>
    <font>
      <sz val="12"/>
      <name val="ＭＳ 明朝"/>
      <family val="1"/>
      <charset val="128"/>
    </font>
    <font>
      <b/>
      <sz val="12"/>
      <name val="ＭＳ ゴシック"/>
      <family val="3"/>
      <charset val="128"/>
    </font>
    <font>
      <sz val="9"/>
      <name val="ＭＳ Ｐ明朝"/>
      <family val="1"/>
      <charset val="128"/>
    </font>
    <font>
      <sz val="10"/>
      <name val="ＭＳ Ｐゴシック"/>
      <family val="3"/>
      <charset val="128"/>
    </font>
    <font>
      <b/>
      <sz val="11"/>
      <name val="ＭＳ 明朝"/>
      <family val="1"/>
      <charset val="128"/>
    </font>
    <font>
      <sz val="8"/>
      <name val="ＭＳ Ｐ明朝"/>
      <family val="1"/>
      <charset val="128"/>
    </font>
    <font>
      <sz val="6"/>
      <name val="ＭＳ ゴシック"/>
      <family val="3"/>
      <charset val="128"/>
    </font>
    <font>
      <sz val="8"/>
      <name val="ＭＳ ゴシック"/>
      <family val="3"/>
      <charset val="128"/>
    </font>
    <font>
      <sz val="9"/>
      <name val="ＭＳ ゴシック"/>
      <family val="3"/>
      <charset val="128"/>
    </font>
    <font>
      <sz val="10"/>
      <color rgb="FFFF0000"/>
      <name val="ＭＳ Ｐゴシック"/>
      <family val="3"/>
      <charset val="128"/>
    </font>
    <font>
      <i/>
      <sz val="9"/>
      <name val="ＭＳ Ｐ明朝"/>
      <family val="1"/>
      <charset val="128"/>
    </font>
    <font>
      <sz val="9"/>
      <color rgb="FF00B0F0"/>
      <name val="ＭＳ Ｐ明朝"/>
      <family val="1"/>
      <charset val="128"/>
    </font>
    <font>
      <sz val="9"/>
      <color rgb="FFFF0000"/>
      <name val="ＭＳ Ｐ明朝"/>
      <family val="1"/>
      <charset val="128"/>
    </font>
    <font>
      <b/>
      <sz val="8"/>
      <color rgb="FFFF0000"/>
      <name val="ＭＳ 明朝"/>
      <family val="1"/>
      <charset val="128"/>
    </font>
    <font>
      <sz val="9"/>
      <color theme="1"/>
      <name val="ＭＳ Ｐ明朝"/>
      <family val="1"/>
      <charset val="128"/>
    </font>
    <font>
      <sz val="12"/>
      <name val="ＭＳ ゴシック"/>
      <family val="3"/>
      <charset val="128"/>
    </font>
    <font>
      <b/>
      <sz val="10"/>
      <name val="ＭＳ ゴシック"/>
      <family val="3"/>
      <charset val="128"/>
    </font>
    <font>
      <b/>
      <sz val="9"/>
      <name val="ＭＳ ゴシック"/>
      <family val="3"/>
      <charset val="128"/>
    </font>
    <font>
      <sz val="10.5"/>
      <name val="ＭＳ ゴシック"/>
      <family val="3"/>
      <charset val="128"/>
    </font>
    <font>
      <b/>
      <sz val="12"/>
      <color rgb="FFFF0000"/>
      <name val="ＭＳ ゴシック"/>
      <family val="3"/>
      <charset val="128"/>
    </font>
  </fonts>
  <fills count="5">
    <fill>
      <patternFill patternType="none"/>
    </fill>
    <fill>
      <patternFill patternType="gray125"/>
    </fill>
    <fill>
      <patternFill patternType="solid">
        <fgColor indexed="13"/>
        <bgColor indexed="64"/>
      </patternFill>
    </fill>
    <fill>
      <patternFill patternType="solid">
        <fgColor theme="0"/>
        <bgColor indexed="64"/>
      </patternFill>
    </fill>
    <fill>
      <patternFill patternType="solid">
        <fgColor theme="0" tint="-0.14999847407452621"/>
        <bgColor indexed="64"/>
      </patternFill>
    </fill>
  </fills>
  <borders count="37">
    <border>
      <left/>
      <right/>
      <top/>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style="hair">
        <color indexed="64"/>
      </bottom>
      <diagonal/>
    </border>
    <border>
      <left/>
      <right style="thin">
        <color indexed="64"/>
      </right>
      <top/>
      <bottom style="hair">
        <color indexed="64"/>
      </bottom>
      <diagonal/>
    </border>
    <border>
      <left style="thin">
        <color indexed="64"/>
      </left>
      <right/>
      <top/>
      <bottom/>
      <diagonal/>
    </border>
    <border>
      <left/>
      <right style="hair">
        <color indexed="64"/>
      </right>
      <top style="hair">
        <color indexed="64"/>
      </top>
      <bottom style="hair">
        <color indexed="64"/>
      </bottom>
      <diagonal/>
    </border>
    <border>
      <left style="thin">
        <color indexed="64"/>
      </left>
      <right/>
      <top style="hair">
        <color indexed="64"/>
      </top>
      <bottom/>
      <diagonal/>
    </border>
    <border>
      <left style="thin">
        <color indexed="64"/>
      </left>
      <right/>
      <top style="hair">
        <color indexed="64"/>
      </top>
      <bottom style="hair">
        <color indexed="64"/>
      </bottom>
      <diagonal/>
    </border>
    <border>
      <left style="thin">
        <color indexed="64"/>
      </left>
      <right/>
      <top/>
      <bottom style="thin">
        <color indexed="64"/>
      </bottom>
      <diagonal/>
    </border>
    <border>
      <left style="hair">
        <color indexed="64"/>
      </left>
      <right style="thin">
        <color indexed="64"/>
      </right>
      <top/>
      <bottom style="thin">
        <color indexed="64"/>
      </bottom>
      <diagonal/>
    </border>
    <border>
      <left style="thin">
        <color indexed="64"/>
      </left>
      <right style="hair">
        <color indexed="64"/>
      </right>
      <top/>
      <bottom style="thin">
        <color indexed="64"/>
      </bottom>
      <diagonal/>
    </border>
    <border>
      <left style="hair">
        <color indexed="64"/>
      </left>
      <right style="thin">
        <color indexed="64"/>
      </right>
      <top/>
      <bottom style="hair">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hair">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right/>
      <top style="thin">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hair">
        <color indexed="64"/>
      </right>
      <top/>
      <bottom/>
      <diagonal/>
    </border>
    <border>
      <left style="hair">
        <color indexed="64"/>
      </left>
      <right style="thin">
        <color indexed="64"/>
      </right>
      <top/>
      <bottom/>
      <diagonal/>
    </border>
    <border>
      <left/>
      <right/>
      <top style="hair">
        <color indexed="64"/>
      </top>
      <bottom/>
      <diagonal/>
    </border>
    <border diagonalUp="1">
      <left style="thin">
        <color indexed="64"/>
      </left>
      <right style="hair">
        <color indexed="64"/>
      </right>
      <top/>
      <bottom style="thin">
        <color indexed="64"/>
      </bottom>
      <diagonal style="hair">
        <color indexed="64"/>
      </diagonal>
    </border>
    <border>
      <left style="thin">
        <color indexed="64"/>
      </left>
      <right style="hair">
        <color indexed="64"/>
      </right>
      <top style="medium">
        <color indexed="64"/>
      </top>
      <bottom style="hair">
        <color indexed="64"/>
      </bottom>
      <diagonal/>
    </border>
    <border>
      <left style="hair">
        <color indexed="64"/>
      </left>
      <right style="thin">
        <color indexed="64"/>
      </right>
      <top style="medium">
        <color indexed="64"/>
      </top>
      <bottom style="hair">
        <color indexed="64"/>
      </bottom>
      <diagonal/>
    </border>
    <border>
      <left/>
      <right style="hair">
        <color indexed="64"/>
      </right>
      <top/>
      <bottom/>
      <diagonal/>
    </border>
    <border>
      <left style="hair">
        <color indexed="64"/>
      </left>
      <right/>
      <top/>
      <bottom/>
      <diagonal/>
    </border>
    <border>
      <left/>
      <right/>
      <top/>
      <bottom style="medium">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hair">
        <color indexed="64"/>
      </right>
      <top style="medium">
        <color indexed="64"/>
      </top>
      <bottom/>
      <diagonal/>
    </border>
  </borders>
  <cellStyleXfs count="3">
    <xf numFmtId="0" fontId="0" fillId="0" borderId="0"/>
    <xf numFmtId="0" fontId="1" fillId="0" borderId="0"/>
    <xf numFmtId="0" fontId="3" fillId="0" borderId="0"/>
  </cellStyleXfs>
  <cellXfs count="87">
    <xf numFmtId="0" fontId="0" fillId="0" borderId="0" xfId="0"/>
    <xf numFmtId="0" fontId="4" fillId="0" borderId="0" xfId="2" applyFont="1" applyAlignment="1">
      <alignment vertical="center"/>
    </xf>
    <xf numFmtId="0" fontId="5" fillId="0" borderId="0" xfId="2" applyFont="1" applyAlignment="1">
      <alignment vertical="center" wrapText="1"/>
    </xf>
    <xf numFmtId="0" fontId="6" fillId="0" borderId="0" xfId="2" applyFont="1" applyAlignment="1">
      <alignment vertical="center"/>
    </xf>
    <xf numFmtId="0" fontId="7" fillId="0" borderId="0" xfId="2" applyFont="1" applyAlignment="1">
      <alignment horizontal="right" vertical="center" wrapText="1"/>
    </xf>
    <xf numFmtId="0" fontId="5" fillId="0" borderId="2" xfId="2" applyFont="1" applyBorder="1" applyAlignment="1">
      <alignment vertical="center" wrapText="1"/>
    </xf>
    <xf numFmtId="0" fontId="5" fillId="0" borderId="3" xfId="2" applyFont="1" applyBorder="1" applyAlignment="1">
      <alignment vertical="center" wrapText="1"/>
    </xf>
    <xf numFmtId="0" fontId="5" fillId="0" borderId="4" xfId="2" applyFont="1" applyBorder="1" applyAlignment="1">
      <alignment vertical="center" wrapText="1"/>
    </xf>
    <xf numFmtId="0" fontId="5" fillId="0" borderId="6" xfId="2" applyFont="1" applyBorder="1" applyAlignment="1">
      <alignment vertical="center" wrapText="1"/>
    </xf>
    <xf numFmtId="0" fontId="5" fillId="0" borderId="7" xfId="2" applyFont="1" applyBorder="1" applyAlignment="1">
      <alignment vertical="center" wrapText="1"/>
    </xf>
    <xf numFmtId="0" fontId="5" fillId="0" borderId="2" xfId="1" applyFont="1" applyBorder="1" applyAlignment="1">
      <alignment horizontal="left" vertical="center" wrapText="1"/>
    </xf>
    <xf numFmtId="0" fontId="3" fillId="0" borderId="0" xfId="2"/>
    <xf numFmtId="0" fontId="5" fillId="0" borderId="9" xfId="2" applyFont="1" applyBorder="1" applyAlignment="1">
      <alignment vertical="center" wrapText="1"/>
    </xf>
    <xf numFmtId="0" fontId="5" fillId="0" borderId="10" xfId="2" applyFont="1" applyBorder="1" applyAlignment="1">
      <alignment vertical="center" wrapText="1"/>
    </xf>
    <xf numFmtId="0" fontId="5" fillId="0" borderId="11" xfId="2" applyFont="1" applyBorder="1" applyAlignment="1">
      <alignment vertical="center" wrapText="1"/>
    </xf>
    <xf numFmtId="0" fontId="5" fillId="0" borderId="12" xfId="2" applyFont="1" applyBorder="1" applyAlignment="1">
      <alignment vertical="center" wrapText="1"/>
    </xf>
    <xf numFmtId="0" fontId="5" fillId="0" borderId="13" xfId="2" applyFont="1" applyBorder="1" applyAlignment="1">
      <alignment vertical="center" wrapText="1"/>
    </xf>
    <xf numFmtId="0" fontId="5" fillId="0" borderId="14" xfId="2" applyFont="1" applyBorder="1" applyAlignment="1">
      <alignment vertical="center" wrapText="1"/>
    </xf>
    <xf numFmtId="0" fontId="5" fillId="0" borderId="15" xfId="2" applyFont="1" applyBorder="1" applyAlignment="1">
      <alignment vertical="center" wrapText="1"/>
    </xf>
    <xf numFmtId="0" fontId="5" fillId="0" borderId="16" xfId="2" applyFont="1" applyBorder="1" applyAlignment="1">
      <alignment vertical="center" wrapText="1"/>
    </xf>
    <xf numFmtId="0" fontId="4" fillId="0" borderId="17" xfId="2" applyFont="1" applyBorder="1" applyAlignment="1">
      <alignment vertical="center"/>
    </xf>
    <xf numFmtId="0" fontId="11" fillId="0" borderId="0" xfId="1" applyFont="1" applyAlignment="1">
      <alignment horizontal="left" vertical="center" wrapText="1"/>
    </xf>
    <xf numFmtId="0" fontId="5" fillId="0" borderId="5" xfId="2" applyFont="1" applyBorder="1" applyAlignment="1">
      <alignment vertical="center" wrapText="1"/>
    </xf>
    <xf numFmtId="0" fontId="5" fillId="0" borderId="8" xfId="2" applyFont="1" applyBorder="1" applyAlignment="1">
      <alignment vertical="center" wrapText="1"/>
    </xf>
    <xf numFmtId="0" fontId="12" fillId="0" borderId="0" xfId="2" applyFont="1" applyAlignment="1">
      <alignment vertical="center"/>
    </xf>
    <xf numFmtId="0" fontId="5" fillId="0" borderId="25" xfId="2" applyFont="1" applyBorder="1" applyAlignment="1">
      <alignment vertical="center" wrapText="1"/>
    </xf>
    <xf numFmtId="0" fontId="5" fillId="0" borderId="26" xfId="2" applyFont="1" applyBorder="1" applyAlignment="1">
      <alignment vertical="center" wrapText="1"/>
    </xf>
    <xf numFmtId="0" fontId="5" fillId="0" borderId="28" xfId="2" applyFont="1" applyBorder="1" applyAlignment="1">
      <alignment vertical="center" wrapText="1"/>
    </xf>
    <xf numFmtId="0" fontId="5" fillId="0" borderId="29" xfId="2" applyFont="1" applyBorder="1" applyAlignment="1">
      <alignment vertical="center" wrapText="1"/>
    </xf>
    <xf numFmtId="0" fontId="5" fillId="0" borderId="30" xfId="2" applyFont="1" applyBorder="1" applyAlignment="1">
      <alignment vertical="center" wrapText="1"/>
    </xf>
    <xf numFmtId="0" fontId="5" fillId="3" borderId="14" xfId="2" applyFont="1" applyFill="1" applyBorder="1" applyAlignment="1">
      <alignment vertical="center" wrapText="1"/>
    </xf>
    <xf numFmtId="0" fontId="5" fillId="3" borderId="2" xfId="2" applyFont="1" applyFill="1" applyBorder="1" applyAlignment="1">
      <alignment vertical="center" wrapText="1"/>
    </xf>
    <xf numFmtId="0" fontId="5" fillId="0" borderId="1" xfId="2" applyFont="1" applyBorder="1" applyAlignment="1">
      <alignment vertical="center" wrapText="1"/>
    </xf>
    <xf numFmtId="0" fontId="1" fillId="0" borderId="0" xfId="0" applyFont="1" applyAlignment="1">
      <alignment vertical="center" wrapText="1"/>
    </xf>
    <xf numFmtId="0" fontId="5" fillId="0" borderId="6" xfId="1" applyFont="1" applyBorder="1" applyAlignment="1">
      <alignment horizontal="left" vertical="center" wrapText="1"/>
    </xf>
    <xf numFmtId="0" fontId="5" fillId="0" borderId="4" xfId="1" applyFont="1" applyBorder="1" applyAlignment="1">
      <alignment horizontal="left" vertical="center" wrapText="1"/>
    </xf>
    <xf numFmtId="0" fontId="5" fillId="0" borderId="26" xfId="2" applyFont="1" applyBorder="1" applyAlignment="1">
      <alignment horizontal="left" vertical="center" wrapText="1"/>
    </xf>
    <xf numFmtId="0" fontId="15" fillId="0" borderId="31" xfId="2" applyFont="1" applyBorder="1" applyAlignment="1">
      <alignment vertical="center" wrapText="1"/>
    </xf>
    <xf numFmtId="0" fontId="15" fillId="0" borderId="32" xfId="2" applyFont="1" applyBorder="1" applyAlignment="1">
      <alignment vertical="center" wrapText="1"/>
    </xf>
    <xf numFmtId="0" fontId="5" fillId="0" borderId="4" xfId="2" applyFont="1" applyBorder="1" applyAlignment="1">
      <alignment horizontal="left" vertical="center" wrapText="1"/>
    </xf>
    <xf numFmtId="0" fontId="17" fillId="0" borderId="3" xfId="2" applyFont="1" applyBorder="1" applyAlignment="1">
      <alignment vertical="center" wrapText="1"/>
    </xf>
    <xf numFmtId="0" fontId="17" fillId="0" borderId="4" xfId="2" applyFont="1" applyBorder="1" applyAlignment="1">
      <alignment vertical="top" wrapText="1"/>
    </xf>
    <xf numFmtId="0" fontId="15" fillId="0" borderId="0" xfId="2" applyFont="1" applyAlignment="1">
      <alignment vertical="center" wrapText="1"/>
    </xf>
    <xf numFmtId="0" fontId="5" fillId="0" borderId="22" xfId="2" applyFont="1" applyBorder="1" applyAlignment="1">
      <alignment vertical="center" wrapText="1"/>
    </xf>
    <xf numFmtId="0" fontId="5" fillId="0" borderId="33" xfId="2" applyFont="1" applyBorder="1" applyAlignment="1">
      <alignment vertical="center" wrapText="1"/>
    </xf>
    <xf numFmtId="0" fontId="4" fillId="0" borderId="0" xfId="2" applyFont="1" applyAlignment="1" applyProtection="1">
      <alignment vertical="center"/>
      <protection locked="0"/>
    </xf>
    <xf numFmtId="0" fontId="5" fillId="0" borderId="27" xfId="2" applyFont="1" applyBorder="1" applyAlignment="1" applyProtection="1">
      <alignment vertical="center" wrapText="1"/>
      <protection locked="0"/>
    </xf>
    <xf numFmtId="0" fontId="6" fillId="0" borderId="0" xfId="2" applyFont="1" applyAlignment="1" applyProtection="1">
      <alignment vertical="center"/>
      <protection locked="0"/>
    </xf>
    <xf numFmtId="0" fontId="5" fillId="0" borderId="7" xfId="2" applyFont="1" applyBorder="1" applyAlignment="1">
      <alignment vertical="top" wrapText="1"/>
    </xf>
    <xf numFmtId="0" fontId="5" fillId="0" borderId="8" xfId="2" applyFont="1" applyBorder="1" applyAlignment="1">
      <alignment vertical="top" wrapText="1"/>
    </xf>
    <xf numFmtId="0" fontId="11" fillId="0" borderId="34" xfId="2" applyFont="1" applyBorder="1" applyAlignment="1">
      <alignment vertical="center" wrapText="1"/>
    </xf>
    <xf numFmtId="0" fontId="20" fillId="0" borderId="34" xfId="2" applyFont="1" applyBorder="1" applyAlignment="1">
      <alignment vertical="center"/>
    </xf>
    <xf numFmtId="58" fontId="11" fillId="0" borderId="34" xfId="2" applyNumberFormat="1" applyFont="1" applyBorder="1" applyAlignment="1">
      <alignment vertical="center" wrapText="1"/>
    </xf>
    <xf numFmtId="0" fontId="21" fillId="0" borderId="34" xfId="0" applyFont="1" applyBorder="1" applyAlignment="1">
      <alignment horizontal="justify" vertical="center" wrapText="1"/>
    </xf>
    <xf numFmtId="0" fontId="19" fillId="4" borderId="34" xfId="0" applyFont="1" applyFill="1" applyBorder="1" applyAlignment="1">
      <alignment horizontal="center" vertical="center"/>
    </xf>
    <xf numFmtId="0" fontId="4" fillId="0" borderId="0" xfId="0" applyFont="1"/>
    <xf numFmtId="0" fontId="11" fillId="0" borderId="34" xfId="2" applyFont="1" applyBorder="1" applyAlignment="1">
      <alignment horizontal="left" vertical="center" wrapText="1"/>
    </xf>
    <xf numFmtId="0" fontId="22" fillId="0" borderId="0" xfId="2" applyFont="1" applyAlignment="1">
      <alignment vertical="center"/>
    </xf>
    <xf numFmtId="0" fontId="5" fillId="0" borderId="1" xfId="2" applyFont="1" applyBorder="1" applyAlignment="1">
      <alignment vertical="center" wrapText="1"/>
    </xf>
    <xf numFmtId="0" fontId="18" fillId="0" borderId="18" xfId="2" applyFont="1" applyBorder="1" applyAlignment="1">
      <alignment horizontal="center" vertical="center" wrapText="1"/>
    </xf>
    <xf numFmtId="0" fontId="18" fillId="0" borderId="35" xfId="2" applyFont="1" applyBorder="1" applyAlignment="1">
      <alignment horizontal="center" vertical="center" wrapText="1"/>
    </xf>
    <xf numFmtId="0" fontId="18" fillId="0" borderId="19" xfId="2" applyFont="1" applyBorder="1" applyAlignment="1">
      <alignment horizontal="center" vertical="center" wrapText="1"/>
    </xf>
    <xf numFmtId="0" fontId="5" fillId="2" borderId="23" xfId="2" applyFont="1" applyFill="1" applyBorder="1" applyAlignment="1">
      <alignment vertical="center" wrapText="1"/>
    </xf>
    <xf numFmtId="0" fontId="5" fillId="2" borderId="24" xfId="2" applyFont="1" applyFill="1" applyBorder="1" applyAlignment="1">
      <alignment vertical="center" wrapText="1"/>
    </xf>
    <xf numFmtId="0" fontId="5" fillId="2" borderId="20" xfId="2" applyFont="1" applyFill="1" applyBorder="1" applyAlignment="1">
      <alignment vertical="center" wrapText="1"/>
    </xf>
    <xf numFmtId="0" fontId="5" fillId="2" borderId="21" xfId="2" applyFont="1" applyFill="1" applyBorder="1" applyAlignment="1">
      <alignment vertical="center" wrapText="1"/>
    </xf>
    <xf numFmtId="0" fontId="5" fillId="2" borderId="18" xfId="2" applyFont="1" applyFill="1" applyBorder="1" applyAlignment="1">
      <alignment vertical="center" wrapText="1"/>
    </xf>
    <xf numFmtId="0" fontId="5" fillId="2" borderId="19" xfId="2" applyFont="1" applyFill="1" applyBorder="1" applyAlignment="1">
      <alignment vertical="center" wrapText="1"/>
    </xf>
    <xf numFmtId="0" fontId="5" fillId="0" borderId="5" xfId="2" applyFont="1" applyBorder="1" applyAlignment="1">
      <alignment horizontal="left" vertical="center" wrapText="1"/>
    </xf>
    <xf numFmtId="0" fontId="5" fillId="0" borderId="7" xfId="2" applyFont="1" applyBorder="1" applyAlignment="1">
      <alignment horizontal="left" vertical="center" wrapText="1"/>
    </xf>
    <xf numFmtId="0" fontId="5" fillId="0" borderId="15" xfId="2" applyFont="1" applyBorder="1" applyAlignment="1">
      <alignment horizontal="left" vertical="center" wrapText="1"/>
    </xf>
    <xf numFmtId="0" fontId="5" fillId="0" borderId="25" xfId="2" applyFont="1" applyBorder="1" applyAlignment="1">
      <alignment vertical="center" wrapText="1"/>
    </xf>
    <xf numFmtId="0" fontId="5" fillId="0" borderId="7" xfId="2" applyFont="1" applyBorder="1" applyAlignment="1">
      <alignment vertical="center" wrapText="1"/>
    </xf>
    <xf numFmtId="0" fontId="5" fillId="2" borderId="23" xfId="2" applyFont="1" applyFill="1" applyBorder="1" applyAlignment="1">
      <alignment horizontal="left" vertical="center" wrapText="1"/>
    </xf>
    <xf numFmtId="0" fontId="5" fillId="2" borderId="24" xfId="2" applyFont="1" applyFill="1" applyBorder="1" applyAlignment="1">
      <alignment horizontal="left" vertical="center" wrapText="1"/>
    </xf>
    <xf numFmtId="57" fontId="16" fillId="0" borderId="0" xfId="2" applyNumberFormat="1" applyFont="1" applyAlignment="1">
      <alignment horizontal="left" vertical="center" wrapText="1"/>
    </xf>
    <xf numFmtId="0" fontId="10" fillId="0" borderId="0" xfId="2" applyFont="1" applyAlignment="1">
      <alignment vertical="center" wrapText="1"/>
    </xf>
    <xf numFmtId="0" fontId="5" fillId="0" borderId="22" xfId="2" applyFont="1" applyBorder="1" applyAlignment="1">
      <alignment vertical="center" wrapText="1"/>
    </xf>
    <xf numFmtId="0" fontId="5" fillId="0" borderId="1" xfId="2" applyFont="1" applyBorder="1" applyAlignment="1">
      <alignment vertical="center" wrapText="1"/>
    </xf>
    <xf numFmtId="0" fontId="5" fillId="0" borderId="6" xfId="2" applyFont="1" applyBorder="1" applyAlignment="1">
      <alignment horizontal="left" vertical="center" wrapText="1"/>
    </xf>
    <xf numFmtId="0" fontId="5" fillId="0" borderId="26" xfId="2" applyFont="1" applyBorder="1" applyAlignment="1">
      <alignment horizontal="left" vertical="center" wrapText="1"/>
    </xf>
    <xf numFmtId="0" fontId="5" fillId="0" borderId="16" xfId="2" applyFont="1" applyBorder="1" applyAlignment="1">
      <alignment horizontal="left" vertical="center" wrapText="1"/>
    </xf>
    <xf numFmtId="0" fontId="4" fillId="0" borderId="0" xfId="2" applyFont="1" applyAlignment="1">
      <alignment horizontal="left" vertical="center"/>
    </xf>
    <xf numFmtId="0" fontId="5" fillId="0" borderId="3" xfId="2" applyFont="1" applyBorder="1" applyAlignment="1">
      <alignment vertical="center" wrapText="1"/>
    </xf>
    <xf numFmtId="0" fontId="4" fillId="0" borderId="0" xfId="2" applyFont="1" applyAlignment="1">
      <alignment vertical="center" wrapText="1"/>
    </xf>
    <xf numFmtId="0" fontId="5" fillId="0" borderId="36" xfId="2" applyFont="1" applyBorder="1" applyAlignment="1">
      <alignment vertical="center" wrapText="1"/>
    </xf>
    <xf numFmtId="0" fontId="5" fillId="0" borderId="25" xfId="2" applyFont="1" applyBorder="1" applyAlignment="1">
      <alignment horizontal="left" vertical="center" wrapText="1"/>
    </xf>
  </cellXfs>
  <cellStyles count="3">
    <cellStyle name="標準" xfId="0" builtinId="0"/>
    <cellStyle name="標準_itiji" xfId="1"/>
    <cellStyle name="標準_法的要求事項" xfId="2"/>
  </cellStyles>
  <dxfs count="0"/>
  <tableStyles count="0" defaultTableStyle="TableStyleMedium9"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2</xdr:col>
      <xdr:colOff>1691640</xdr:colOff>
      <xdr:row>251</xdr:row>
      <xdr:rowOff>289560</xdr:rowOff>
    </xdr:from>
    <xdr:ext cx="184731" cy="264560"/>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3383280" y="10238994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oneCellAnchor>
    <xdr:from>
      <xdr:col>2</xdr:col>
      <xdr:colOff>1691640</xdr:colOff>
      <xdr:row>251</xdr:row>
      <xdr:rowOff>289560</xdr:rowOff>
    </xdr:from>
    <xdr:ext cx="184731" cy="264560"/>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3421380" y="10395204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sheetPr>
  <dimension ref="A1:E269"/>
  <sheetViews>
    <sheetView tabSelected="1" zoomScale="115" zoomScaleNormal="115" zoomScaleSheetLayoutView="100" workbookViewId="0">
      <selection activeCell="B269" sqref="B269:C269"/>
    </sheetView>
  </sheetViews>
  <sheetFormatPr defaultColWidth="10.28515625" defaultRowHeight="26.1" customHeight="1"/>
  <cols>
    <col min="1" max="1" width="2.140625" style="1" customWidth="1"/>
    <col min="2" max="2" width="24.28515625" style="2" customWidth="1"/>
    <col min="3" max="3" width="75.5703125" style="2" customWidth="1"/>
    <col min="4" max="4" width="1.140625" style="3" customWidth="1"/>
    <col min="5" max="16384" width="10.28515625" style="3"/>
  </cols>
  <sheetData>
    <row r="1" spans="1:3" ht="20.100000000000001" customHeight="1">
      <c r="A1" s="1" t="s">
        <v>395</v>
      </c>
      <c r="C1" s="4"/>
    </row>
    <row r="2" spans="1:3" ht="30.6" customHeight="1">
      <c r="A2" s="75"/>
      <c r="B2" s="75"/>
      <c r="C2" s="75"/>
    </row>
    <row r="3" spans="1:3" ht="20.100000000000001" customHeight="1" thickBot="1">
      <c r="A3" s="1" t="s">
        <v>396</v>
      </c>
    </row>
    <row r="4" spans="1:3" ht="40.35" customHeight="1" thickBot="1">
      <c r="B4" s="64" t="s">
        <v>189</v>
      </c>
      <c r="C4" s="65"/>
    </row>
    <row r="5" spans="1:3" ht="79.5" customHeight="1">
      <c r="B5" s="9" t="s">
        <v>235</v>
      </c>
      <c r="C5" s="19" t="s">
        <v>229</v>
      </c>
    </row>
    <row r="6" spans="1:3" ht="53.1" customHeight="1">
      <c r="B6" s="32" t="s">
        <v>236</v>
      </c>
      <c r="C6" s="5" t="s">
        <v>237</v>
      </c>
    </row>
    <row r="7" spans="1:3" ht="26.1" customHeight="1">
      <c r="B7" s="32" t="s">
        <v>116</v>
      </c>
      <c r="C7" s="5" t="s">
        <v>238</v>
      </c>
    </row>
    <row r="8" spans="1:3" ht="26.1" customHeight="1">
      <c r="B8" s="32" t="s">
        <v>117</v>
      </c>
      <c r="C8" s="5" t="s">
        <v>68</v>
      </c>
    </row>
    <row r="9" spans="1:3" ht="32.1" customHeight="1">
      <c r="B9" s="22" t="s">
        <v>376</v>
      </c>
      <c r="C9" s="8" t="s">
        <v>63</v>
      </c>
    </row>
    <row r="10" spans="1:3" ht="36.6" customHeight="1">
      <c r="B10" s="32" t="s">
        <v>118</v>
      </c>
      <c r="C10" s="5" t="s">
        <v>377</v>
      </c>
    </row>
    <row r="11" spans="1:3" ht="31.35" customHeight="1">
      <c r="B11" s="18" t="s">
        <v>119</v>
      </c>
      <c r="C11" s="17" t="s">
        <v>378</v>
      </c>
    </row>
    <row r="12" spans="1:3" ht="10.35" customHeight="1" thickBot="1">
      <c r="B12" s="77"/>
      <c r="C12" s="77"/>
    </row>
    <row r="13" spans="1:3" ht="40.35" customHeight="1" thickBot="1">
      <c r="B13" s="73" t="s">
        <v>332</v>
      </c>
      <c r="C13" s="74"/>
    </row>
    <row r="14" spans="1:3" ht="35.25" customHeight="1">
      <c r="B14" s="18" t="s">
        <v>119</v>
      </c>
      <c r="C14" s="17" t="s">
        <v>379</v>
      </c>
    </row>
    <row r="15" spans="1:3" ht="15" customHeight="1"/>
    <row r="16" spans="1:3" ht="26.1" customHeight="1" thickBot="1">
      <c r="A16" s="1" t="s">
        <v>0</v>
      </c>
    </row>
    <row r="17" spans="2:3" ht="40.35" customHeight="1" thickBot="1">
      <c r="B17" s="62" t="s">
        <v>188</v>
      </c>
      <c r="C17" s="63"/>
    </row>
    <row r="18" spans="2:3" ht="35.1" customHeight="1">
      <c r="B18" s="18" t="s">
        <v>120</v>
      </c>
      <c r="C18" s="17" t="s">
        <v>44</v>
      </c>
    </row>
    <row r="19" spans="2:3" ht="10.35" customHeight="1" thickBot="1"/>
    <row r="20" spans="2:3" ht="40.35" customHeight="1" thickBot="1">
      <c r="B20" s="62" t="s">
        <v>190</v>
      </c>
      <c r="C20" s="63"/>
    </row>
    <row r="21" spans="2:3" ht="26.1" customHeight="1">
      <c r="B21" s="18" t="s">
        <v>121</v>
      </c>
      <c r="C21" s="17" t="s">
        <v>112</v>
      </c>
    </row>
    <row r="22" spans="2:3" ht="10.35" customHeight="1" thickBot="1"/>
    <row r="23" spans="2:3" ht="40.35" customHeight="1" thickBot="1">
      <c r="B23" s="62" t="s">
        <v>45</v>
      </c>
      <c r="C23" s="63"/>
    </row>
    <row r="24" spans="2:3" ht="26.1" customHeight="1">
      <c r="B24" s="25" t="s">
        <v>120</v>
      </c>
      <c r="C24" s="26" t="s">
        <v>17</v>
      </c>
    </row>
    <row r="25" spans="2:3" ht="26.1" customHeight="1">
      <c r="B25" s="32" t="s">
        <v>122</v>
      </c>
      <c r="C25" s="5" t="s">
        <v>191</v>
      </c>
    </row>
    <row r="26" spans="2:3" ht="32.1" customHeight="1">
      <c r="B26" s="32" t="s">
        <v>123</v>
      </c>
      <c r="C26" s="5" t="s">
        <v>113</v>
      </c>
    </row>
    <row r="27" spans="2:3" ht="29.1" customHeight="1">
      <c r="B27" s="32" t="s">
        <v>124</v>
      </c>
      <c r="C27" s="5" t="s">
        <v>46</v>
      </c>
    </row>
    <row r="28" spans="2:3" ht="23.1" customHeight="1">
      <c r="B28" s="32" t="s">
        <v>125</v>
      </c>
      <c r="C28" s="5" t="s">
        <v>18</v>
      </c>
    </row>
    <row r="29" spans="2:3" ht="29.1" customHeight="1">
      <c r="B29" s="9" t="s">
        <v>126</v>
      </c>
      <c r="C29" s="19" t="s">
        <v>47</v>
      </c>
    </row>
    <row r="30" spans="2:3" ht="32.1" customHeight="1">
      <c r="B30" s="9" t="s">
        <v>127</v>
      </c>
      <c r="C30" s="19" t="s">
        <v>114</v>
      </c>
    </row>
    <row r="31" spans="2:3" ht="23.1" customHeight="1">
      <c r="B31" s="32" t="s">
        <v>128</v>
      </c>
      <c r="C31" s="5" t="s">
        <v>115</v>
      </c>
    </row>
    <row r="32" spans="2:3" ht="37.5" customHeight="1">
      <c r="B32" s="32" t="s">
        <v>129</v>
      </c>
      <c r="C32" s="8" t="s">
        <v>48</v>
      </c>
    </row>
    <row r="33" spans="1:3" ht="23.1" customHeight="1">
      <c r="B33" s="6" t="s">
        <v>130</v>
      </c>
      <c r="C33" s="7" t="s">
        <v>49</v>
      </c>
    </row>
    <row r="34" spans="1:3" ht="10.35" customHeight="1" thickBot="1"/>
    <row r="35" spans="1:3" ht="40.35" customHeight="1" thickBot="1">
      <c r="B35" s="62" t="s">
        <v>19</v>
      </c>
      <c r="C35" s="63"/>
    </row>
    <row r="36" spans="1:3" ht="26.1" customHeight="1">
      <c r="B36" s="18" t="s">
        <v>131</v>
      </c>
      <c r="C36" s="17" t="s">
        <v>192</v>
      </c>
    </row>
    <row r="37" spans="1:3" ht="15" customHeight="1"/>
    <row r="38" spans="1:3" ht="26.1" customHeight="1" thickBot="1">
      <c r="A38" s="1" t="s">
        <v>74</v>
      </c>
    </row>
    <row r="39" spans="1:3" ht="40.35" customHeight="1" thickBot="1">
      <c r="B39" s="62" t="s">
        <v>10</v>
      </c>
      <c r="C39" s="63"/>
    </row>
    <row r="40" spans="1:3" ht="26.1" customHeight="1">
      <c r="B40" s="9" t="s">
        <v>132</v>
      </c>
      <c r="C40" s="19" t="s">
        <v>241</v>
      </c>
    </row>
    <row r="41" spans="1:3" ht="26.1" customHeight="1">
      <c r="B41" s="32" t="s">
        <v>11</v>
      </c>
      <c r="C41" s="5" t="s">
        <v>291</v>
      </c>
    </row>
    <row r="42" spans="1:3" ht="26.1" customHeight="1">
      <c r="B42" s="32" t="s">
        <v>12</v>
      </c>
      <c r="C42" s="5" t="s">
        <v>166</v>
      </c>
    </row>
    <row r="43" spans="1:3" ht="26.1" customHeight="1">
      <c r="B43" s="32" t="s">
        <v>133</v>
      </c>
      <c r="C43" s="5" t="s">
        <v>292</v>
      </c>
    </row>
    <row r="44" spans="1:3" ht="26.1" customHeight="1">
      <c r="B44" s="22" t="s">
        <v>226</v>
      </c>
      <c r="C44" s="8" t="s">
        <v>227</v>
      </c>
    </row>
    <row r="45" spans="1:3" ht="40.5" customHeight="1">
      <c r="B45" s="6" t="s">
        <v>290</v>
      </c>
      <c r="C45" s="7" t="s">
        <v>228</v>
      </c>
    </row>
    <row r="46" spans="1:3" ht="15" customHeight="1"/>
    <row r="47" spans="1:3" ht="26.1" customHeight="1" thickBot="1">
      <c r="A47" s="1" t="s">
        <v>293</v>
      </c>
    </row>
    <row r="48" spans="1:3" ht="40.35" customHeight="1" thickBot="1">
      <c r="B48" s="62" t="s">
        <v>20</v>
      </c>
      <c r="C48" s="63"/>
    </row>
    <row r="49" spans="1:3" ht="26.1" customHeight="1">
      <c r="B49" s="9" t="s">
        <v>135</v>
      </c>
      <c r="C49" s="19" t="s">
        <v>167</v>
      </c>
    </row>
    <row r="50" spans="1:3" ht="26.1" customHeight="1">
      <c r="B50" s="32" t="s">
        <v>134</v>
      </c>
      <c r="C50" s="5" t="s">
        <v>240</v>
      </c>
    </row>
    <row r="51" spans="1:3" ht="26.1" customHeight="1">
      <c r="B51" s="22" t="s">
        <v>209</v>
      </c>
      <c r="C51" s="8" t="s">
        <v>242</v>
      </c>
    </row>
    <row r="52" spans="1:3" ht="26.1" customHeight="1">
      <c r="B52" s="22" t="s">
        <v>234</v>
      </c>
      <c r="C52" s="8" t="s">
        <v>214</v>
      </c>
    </row>
    <row r="53" spans="1:3" ht="26.1" customHeight="1">
      <c r="B53" s="22" t="s">
        <v>136</v>
      </c>
      <c r="C53" s="8" t="s">
        <v>243</v>
      </c>
    </row>
    <row r="54" spans="1:3" ht="26.1" customHeight="1">
      <c r="B54" s="22" t="s">
        <v>210</v>
      </c>
      <c r="C54" s="5" t="s">
        <v>211</v>
      </c>
    </row>
    <row r="55" spans="1:3" ht="56.1" customHeight="1">
      <c r="B55" s="6" t="s">
        <v>212</v>
      </c>
      <c r="C55" s="7" t="s">
        <v>213</v>
      </c>
    </row>
    <row r="56" spans="1:3" ht="10.35" customHeight="1" thickBot="1"/>
    <row r="57" spans="1:3" ht="40.35" customHeight="1" thickBot="1">
      <c r="B57" s="64" t="s">
        <v>13</v>
      </c>
      <c r="C57" s="65"/>
    </row>
    <row r="58" spans="1:3" ht="45" customHeight="1">
      <c r="B58" s="9" t="s">
        <v>14</v>
      </c>
      <c r="C58" s="19" t="s">
        <v>168</v>
      </c>
    </row>
    <row r="59" spans="1:3" ht="32.1" customHeight="1">
      <c r="B59" s="32" t="s">
        <v>137</v>
      </c>
      <c r="C59" s="5" t="s">
        <v>169</v>
      </c>
    </row>
    <row r="60" spans="1:3" ht="32.1" customHeight="1">
      <c r="B60" s="6" t="s">
        <v>138</v>
      </c>
      <c r="C60" s="7" t="s">
        <v>170</v>
      </c>
    </row>
    <row r="61" spans="1:3" ht="12.6" customHeight="1"/>
    <row r="62" spans="1:3" ht="20.100000000000001" customHeight="1">
      <c r="A62" s="1" t="s">
        <v>50</v>
      </c>
    </row>
    <row r="63" spans="1:3" ht="30" customHeight="1">
      <c r="B63" s="66" t="s">
        <v>39</v>
      </c>
      <c r="C63" s="67"/>
    </row>
    <row r="64" spans="1:3" ht="15.75" customHeight="1"/>
    <row r="65" spans="1:3" ht="26.1" customHeight="1" thickBot="1">
      <c r="A65" s="1" t="s">
        <v>294</v>
      </c>
    </row>
    <row r="66" spans="1:3" ht="40.35" customHeight="1" thickBot="1">
      <c r="B66" s="64" t="s">
        <v>286</v>
      </c>
      <c r="C66" s="65"/>
    </row>
    <row r="67" spans="1:3" ht="57.75" customHeight="1">
      <c r="B67" s="9" t="s">
        <v>260</v>
      </c>
      <c r="C67" s="19" t="s">
        <v>261</v>
      </c>
    </row>
    <row r="68" spans="1:3" ht="27" customHeight="1">
      <c r="B68" s="9" t="s">
        <v>262</v>
      </c>
      <c r="C68" s="19" t="s">
        <v>263</v>
      </c>
    </row>
    <row r="69" spans="1:3" ht="27" customHeight="1">
      <c r="B69" s="9" t="s">
        <v>264</v>
      </c>
      <c r="C69" s="19" t="s">
        <v>265</v>
      </c>
    </row>
    <row r="70" spans="1:3" ht="69.599999999999994" customHeight="1">
      <c r="B70" s="9" t="s">
        <v>266</v>
      </c>
      <c r="C70" s="19" t="s">
        <v>267</v>
      </c>
    </row>
    <row r="71" spans="1:3" ht="36.75" customHeight="1">
      <c r="B71" s="32" t="s">
        <v>268</v>
      </c>
      <c r="C71" s="5" t="s">
        <v>269</v>
      </c>
    </row>
    <row r="72" spans="1:3" ht="26.1" customHeight="1">
      <c r="B72" s="32" t="s">
        <v>270</v>
      </c>
      <c r="C72" s="5" t="s">
        <v>271</v>
      </c>
    </row>
    <row r="73" spans="1:3" ht="39" customHeight="1">
      <c r="B73" s="32" t="s">
        <v>272</v>
      </c>
      <c r="C73" s="5" t="s">
        <v>273</v>
      </c>
    </row>
    <row r="74" spans="1:3" ht="26.1" customHeight="1">
      <c r="B74" s="32" t="s">
        <v>274</v>
      </c>
      <c r="C74" s="5" t="s">
        <v>275</v>
      </c>
    </row>
    <row r="75" spans="1:3" ht="26.1" customHeight="1">
      <c r="B75" s="6" t="s">
        <v>300</v>
      </c>
      <c r="C75" s="7" t="s">
        <v>301</v>
      </c>
    </row>
    <row r="76" spans="1:3" ht="12" customHeight="1" thickBot="1">
      <c r="B76" s="37"/>
      <c r="C76" s="38"/>
    </row>
    <row r="77" spans="1:3" ht="40.5" customHeight="1" thickBot="1">
      <c r="B77" s="64" t="s">
        <v>277</v>
      </c>
      <c r="C77" s="65"/>
    </row>
    <row r="78" spans="1:3" ht="23.25" customHeight="1">
      <c r="B78" s="9" t="s">
        <v>278</v>
      </c>
      <c r="C78" s="19" t="s">
        <v>279</v>
      </c>
    </row>
    <row r="79" spans="1:3" ht="30.75" customHeight="1">
      <c r="B79" s="32" t="s">
        <v>306</v>
      </c>
      <c r="C79" s="5" t="s">
        <v>280</v>
      </c>
    </row>
    <row r="80" spans="1:3" ht="30.75" customHeight="1">
      <c r="B80" s="32" t="s">
        <v>281</v>
      </c>
      <c r="C80" s="5" t="s">
        <v>287</v>
      </c>
    </row>
    <row r="81" spans="1:3" ht="31.5" customHeight="1">
      <c r="B81" s="32" t="s">
        <v>282</v>
      </c>
      <c r="C81" s="5" t="s">
        <v>283</v>
      </c>
    </row>
    <row r="82" spans="1:3" ht="62.25" customHeight="1">
      <c r="B82" s="22" t="s">
        <v>139</v>
      </c>
      <c r="C82" s="8" t="s">
        <v>289</v>
      </c>
    </row>
    <row r="83" spans="1:3" ht="42" customHeight="1">
      <c r="B83" s="22" t="s">
        <v>304</v>
      </c>
      <c r="C83" s="8" t="s">
        <v>305</v>
      </c>
    </row>
    <row r="84" spans="1:3" ht="64.7" customHeight="1">
      <c r="B84" s="40" t="s">
        <v>302</v>
      </c>
      <c r="C84" s="41" t="s">
        <v>303</v>
      </c>
    </row>
    <row r="85" spans="1:3" s="47" customFormat="1" ht="24.6" customHeight="1" thickBot="1">
      <c r="A85" s="45"/>
      <c r="B85" s="46"/>
      <c r="C85" s="46"/>
    </row>
    <row r="86" spans="1:3" ht="40.35" customHeight="1" thickBot="1">
      <c r="B86" s="64" t="s">
        <v>53</v>
      </c>
      <c r="C86" s="65"/>
    </row>
    <row r="87" spans="1:3" ht="26.1" customHeight="1">
      <c r="B87" s="9" t="s">
        <v>140</v>
      </c>
      <c r="C87" s="19" t="s">
        <v>171</v>
      </c>
    </row>
    <row r="88" spans="1:3" ht="26.1" customHeight="1">
      <c r="B88" s="32" t="s">
        <v>141</v>
      </c>
      <c r="C88" s="5" t="s">
        <v>24</v>
      </c>
    </row>
    <row r="89" spans="1:3" ht="31.35" customHeight="1">
      <c r="B89" s="22" t="s">
        <v>284</v>
      </c>
      <c r="C89" s="8" t="s">
        <v>288</v>
      </c>
    </row>
    <row r="90" spans="1:3" ht="26.1" customHeight="1">
      <c r="B90" s="6" t="s">
        <v>276</v>
      </c>
      <c r="C90" s="7" t="s">
        <v>285</v>
      </c>
    </row>
    <row r="91" spans="1:3" ht="15" customHeight="1">
      <c r="B91" s="43"/>
      <c r="C91" s="43"/>
    </row>
    <row r="92" spans="1:3" ht="26.1" customHeight="1" thickBot="1">
      <c r="A92" s="1" t="s">
        <v>35</v>
      </c>
      <c r="B92" s="44"/>
    </row>
    <row r="93" spans="1:3" ht="40.35" customHeight="1" thickBot="1">
      <c r="B93" s="64" t="s">
        <v>244</v>
      </c>
      <c r="C93" s="65"/>
    </row>
    <row r="94" spans="1:3" ht="26.1" customHeight="1">
      <c r="B94" s="9" t="s">
        <v>25</v>
      </c>
      <c r="C94" s="19" t="s">
        <v>193</v>
      </c>
    </row>
    <row r="95" spans="1:3" ht="26.1" customHeight="1">
      <c r="B95" s="32" t="s">
        <v>26</v>
      </c>
      <c r="C95" s="5" t="s">
        <v>172</v>
      </c>
    </row>
    <row r="96" spans="1:3" ht="104.25" customHeight="1">
      <c r="B96" s="32" t="s">
        <v>142</v>
      </c>
      <c r="C96" s="5" t="s">
        <v>194</v>
      </c>
    </row>
    <row r="97" spans="1:3" ht="53.25" customHeight="1">
      <c r="B97" s="32" t="s">
        <v>143</v>
      </c>
      <c r="C97" s="5" t="s">
        <v>54</v>
      </c>
    </row>
    <row r="98" spans="1:3" ht="26.1" customHeight="1">
      <c r="B98" s="32" t="s">
        <v>144</v>
      </c>
      <c r="C98" s="5" t="s">
        <v>195</v>
      </c>
    </row>
    <row r="99" spans="1:3" ht="78" customHeight="1">
      <c r="B99" s="6" t="s">
        <v>295</v>
      </c>
      <c r="C99" s="7" t="s">
        <v>196</v>
      </c>
    </row>
    <row r="100" spans="1:3" ht="15" customHeight="1"/>
    <row r="101" spans="1:3" ht="26.1" customHeight="1" thickBot="1">
      <c r="A101" s="1" t="s">
        <v>197</v>
      </c>
    </row>
    <row r="102" spans="1:3" ht="30" customHeight="1" thickBot="1">
      <c r="B102" s="64" t="s">
        <v>55</v>
      </c>
      <c r="C102" s="65"/>
    </row>
    <row r="103" spans="1:3" ht="52.5" customHeight="1">
      <c r="B103" s="18" t="s">
        <v>41</v>
      </c>
      <c r="C103" s="17" t="s">
        <v>56</v>
      </c>
    </row>
    <row r="104" spans="1:3" ht="15.75" customHeight="1"/>
    <row r="105" spans="1:3" ht="26.1" customHeight="1" thickBot="1">
      <c r="A105" s="1" t="s">
        <v>397</v>
      </c>
    </row>
    <row r="106" spans="1:3" ht="35.1" customHeight="1" thickBot="1">
      <c r="B106" s="64" t="s">
        <v>398</v>
      </c>
      <c r="C106" s="65"/>
    </row>
    <row r="107" spans="1:3" ht="25.35" customHeight="1">
      <c r="B107" s="9" t="s">
        <v>198</v>
      </c>
      <c r="C107" s="19" t="s">
        <v>83</v>
      </c>
    </row>
    <row r="108" spans="1:3" ht="25.35" customHeight="1">
      <c r="B108" s="32" t="s">
        <v>199</v>
      </c>
      <c r="C108" s="10" t="s">
        <v>84</v>
      </c>
    </row>
    <row r="109" spans="1:3" ht="25.35" customHeight="1">
      <c r="B109" s="22" t="s">
        <v>27</v>
      </c>
      <c r="C109" s="34" t="s">
        <v>85</v>
      </c>
    </row>
    <row r="110" spans="1:3" ht="25.35" customHeight="1">
      <c r="B110" s="6" t="s">
        <v>218</v>
      </c>
      <c r="C110" s="35" t="s">
        <v>219</v>
      </c>
    </row>
    <row r="111" spans="1:3" ht="15" customHeight="1">
      <c r="C111" s="3"/>
    </row>
    <row r="112" spans="1:3" ht="26.1" customHeight="1" thickBot="1">
      <c r="A112" s="1" t="s">
        <v>399</v>
      </c>
    </row>
    <row r="113" spans="1:4" ht="35.1" customHeight="1" thickBot="1">
      <c r="B113" s="64" t="s">
        <v>400</v>
      </c>
      <c r="C113" s="65"/>
    </row>
    <row r="114" spans="1:4" ht="25.35" customHeight="1">
      <c r="B114" s="9" t="s">
        <v>200</v>
      </c>
      <c r="C114" s="19" t="s">
        <v>86</v>
      </c>
    </row>
    <row r="115" spans="1:4" ht="25.35" customHeight="1">
      <c r="B115" s="32" t="s">
        <v>199</v>
      </c>
      <c r="C115" s="10" t="s">
        <v>84</v>
      </c>
    </row>
    <row r="116" spans="1:4" ht="25.35" customHeight="1">
      <c r="B116" s="22" t="s">
        <v>27</v>
      </c>
      <c r="C116" s="34" t="s">
        <v>85</v>
      </c>
    </row>
    <row r="117" spans="1:4" ht="25.35" customHeight="1">
      <c r="B117" s="6" t="s">
        <v>216</v>
      </c>
      <c r="C117" s="35" t="s">
        <v>217</v>
      </c>
    </row>
    <row r="118" spans="1:4" ht="15" customHeight="1">
      <c r="C118" s="76"/>
      <c r="D118" s="76"/>
    </row>
    <row r="119" spans="1:4" ht="18.75" customHeight="1" thickBot="1">
      <c r="A119" s="1" t="s">
        <v>401</v>
      </c>
    </row>
    <row r="120" spans="1:4" ht="35.1" customHeight="1" thickBot="1">
      <c r="B120" s="64" t="s">
        <v>387</v>
      </c>
      <c r="C120" s="65"/>
    </row>
    <row r="121" spans="1:4" ht="19.5" customHeight="1">
      <c r="B121" s="9" t="s">
        <v>28</v>
      </c>
      <c r="C121" s="19" t="s">
        <v>29</v>
      </c>
    </row>
    <row r="122" spans="1:4" ht="25.35" customHeight="1">
      <c r="B122" s="32" t="s">
        <v>30</v>
      </c>
      <c r="C122" s="5" t="s">
        <v>75</v>
      </c>
    </row>
    <row r="123" spans="1:4" ht="25.35" customHeight="1">
      <c r="B123" s="32" t="s">
        <v>31</v>
      </c>
      <c r="C123" s="5" t="s">
        <v>76</v>
      </c>
    </row>
    <row r="124" spans="1:4" ht="25.35" customHeight="1">
      <c r="B124" s="32" t="s">
        <v>221</v>
      </c>
      <c r="C124" s="5" t="s">
        <v>220</v>
      </c>
    </row>
    <row r="125" spans="1:4" ht="25.35" customHeight="1">
      <c r="B125" s="32" t="s">
        <v>222</v>
      </c>
      <c r="C125" s="5" t="s">
        <v>223</v>
      </c>
    </row>
    <row r="126" spans="1:4" ht="25.35" customHeight="1">
      <c r="B126" s="32" t="s">
        <v>145</v>
      </c>
      <c r="C126" s="5" t="s">
        <v>87</v>
      </c>
    </row>
    <row r="127" spans="1:4" ht="25.35" customHeight="1">
      <c r="B127" s="32" t="s">
        <v>146</v>
      </c>
      <c r="C127" s="5" t="s">
        <v>77</v>
      </c>
    </row>
    <row r="128" spans="1:4" ht="54.75" customHeight="1">
      <c r="B128" s="32" t="s">
        <v>225</v>
      </c>
      <c r="C128" s="5" t="s">
        <v>224</v>
      </c>
    </row>
    <row r="129" spans="1:4" ht="36" customHeight="1">
      <c r="B129" s="32" t="s">
        <v>335</v>
      </c>
      <c r="C129" s="5" t="s">
        <v>336</v>
      </c>
    </row>
    <row r="130" spans="1:4" ht="36" customHeight="1">
      <c r="B130" s="25" t="s">
        <v>341</v>
      </c>
      <c r="C130" s="26" t="s">
        <v>337</v>
      </c>
    </row>
    <row r="131" spans="1:4" ht="30" customHeight="1">
      <c r="B131" s="6" t="s">
        <v>307</v>
      </c>
      <c r="C131" s="7" t="s">
        <v>308</v>
      </c>
    </row>
    <row r="132" spans="1:4" ht="5.25" customHeight="1">
      <c r="C132" s="3"/>
    </row>
    <row r="133" spans="1:4" ht="20.25" customHeight="1" thickBot="1">
      <c r="A133" s="1" t="s">
        <v>402</v>
      </c>
    </row>
    <row r="134" spans="1:4" ht="35.1" customHeight="1" thickBot="1">
      <c r="B134" s="64" t="s">
        <v>32</v>
      </c>
      <c r="C134" s="65"/>
    </row>
    <row r="135" spans="1:4" ht="25.35" customHeight="1">
      <c r="B135" s="9" t="s">
        <v>147</v>
      </c>
      <c r="C135" s="19" t="s">
        <v>89</v>
      </c>
    </row>
    <row r="136" spans="1:4" ht="25.35" customHeight="1">
      <c r="B136" s="32" t="s">
        <v>148</v>
      </c>
      <c r="C136" s="5" t="s">
        <v>52</v>
      </c>
    </row>
    <row r="137" spans="1:4" ht="29.85" customHeight="1">
      <c r="B137" s="32" t="s">
        <v>215</v>
      </c>
      <c r="C137" s="5" t="s">
        <v>245</v>
      </c>
    </row>
    <row r="138" spans="1:4" ht="25.35" customHeight="1">
      <c r="B138" s="32" t="s">
        <v>149</v>
      </c>
      <c r="C138" s="5" t="s">
        <v>90</v>
      </c>
    </row>
    <row r="139" spans="1:4" ht="50.25" customHeight="1">
      <c r="B139" s="32" t="s">
        <v>150</v>
      </c>
      <c r="C139" s="5" t="s">
        <v>88</v>
      </c>
    </row>
    <row r="140" spans="1:4" ht="52.5" customHeight="1">
      <c r="B140" s="32" t="s">
        <v>151</v>
      </c>
      <c r="C140" s="5" t="s">
        <v>246</v>
      </c>
    </row>
    <row r="141" spans="1:4" ht="40.5" customHeight="1">
      <c r="B141" s="32" t="s">
        <v>152</v>
      </c>
      <c r="C141" s="5" t="s">
        <v>91</v>
      </c>
      <c r="D141" s="11"/>
    </row>
    <row r="142" spans="1:4" ht="77.25" customHeight="1">
      <c r="B142" s="6" t="s">
        <v>153</v>
      </c>
      <c r="C142" s="7" t="s">
        <v>343</v>
      </c>
    </row>
    <row r="143" spans="1:4" ht="26.1" customHeight="1" thickBot="1">
      <c r="A143" s="1" t="s">
        <v>403</v>
      </c>
      <c r="C143" s="3"/>
    </row>
    <row r="144" spans="1:4" ht="40.35" customHeight="1" thickBot="1">
      <c r="B144" s="64" t="s">
        <v>329</v>
      </c>
      <c r="C144" s="65"/>
    </row>
    <row r="145" spans="1:4" ht="26.1" customHeight="1">
      <c r="B145" s="9" t="s">
        <v>4</v>
      </c>
      <c r="C145" s="19" t="s">
        <v>3</v>
      </c>
    </row>
    <row r="146" spans="1:4" ht="26.1" customHeight="1">
      <c r="B146" s="22" t="s">
        <v>5</v>
      </c>
      <c r="C146" s="5" t="s">
        <v>64</v>
      </c>
    </row>
    <row r="147" spans="1:4" ht="26.1" customHeight="1">
      <c r="B147" s="32" t="s">
        <v>78</v>
      </c>
      <c r="C147" s="5" t="s">
        <v>330</v>
      </c>
    </row>
    <row r="148" spans="1:4" ht="26.1" customHeight="1">
      <c r="B148" s="32" t="s">
        <v>79</v>
      </c>
      <c r="C148" s="5" t="s">
        <v>92</v>
      </c>
    </row>
    <row r="149" spans="1:4" ht="26.1" customHeight="1">
      <c r="B149" s="9" t="s">
        <v>65</v>
      </c>
      <c r="C149" s="5" t="s">
        <v>247</v>
      </c>
    </row>
    <row r="150" spans="1:4" ht="42" customHeight="1">
      <c r="B150" s="22" t="s">
        <v>154</v>
      </c>
      <c r="C150" s="5" t="s">
        <v>66</v>
      </c>
      <c r="D150" s="12"/>
    </row>
    <row r="151" spans="1:4" ht="42" customHeight="1">
      <c r="B151" s="22" t="s">
        <v>207</v>
      </c>
      <c r="C151" s="5" t="s">
        <v>206</v>
      </c>
      <c r="D151" s="2"/>
    </row>
    <row r="152" spans="1:4" ht="26.1" customHeight="1">
      <c r="B152" s="32" t="s">
        <v>155</v>
      </c>
      <c r="C152" s="5" t="s">
        <v>21</v>
      </c>
      <c r="D152" s="2"/>
    </row>
    <row r="153" spans="1:4" ht="36" customHeight="1">
      <c r="A153" s="20"/>
      <c r="B153" s="13" t="s">
        <v>156</v>
      </c>
      <c r="C153" s="8" t="s">
        <v>94</v>
      </c>
    </row>
    <row r="154" spans="1:4" ht="36" customHeight="1">
      <c r="B154" s="58" t="s">
        <v>393</v>
      </c>
      <c r="C154" s="8" t="s">
        <v>388</v>
      </c>
    </row>
    <row r="155" spans="1:4" ht="26.1" customHeight="1">
      <c r="B155" s="9" t="s">
        <v>93</v>
      </c>
      <c r="C155" s="8" t="s">
        <v>36</v>
      </c>
    </row>
    <row r="156" spans="1:4" ht="26.1" customHeight="1">
      <c r="B156" s="12" t="s">
        <v>309</v>
      </c>
      <c r="C156" s="8" t="s">
        <v>312</v>
      </c>
    </row>
    <row r="157" spans="1:4" ht="26.1" customHeight="1">
      <c r="B157" s="22" t="s">
        <v>310</v>
      </c>
      <c r="C157" s="8" t="s">
        <v>313</v>
      </c>
    </row>
    <row r="158" spans="1:4" ht="43.7" customHeight="1">
      <c r="B158" s="32" t="s">
        <v>311</v>
      </c>
      <c r="C158" s="8" t="s">
        <v>314</v>
      </c>
    </row>
    <row r="159" spans="1:4" ht="62.25" customHeight="1">
      <c r="B159" s="14" t="s">
        <v>2</v>
      </c>
      <c r="C159" s="8" t="s">
        <v>248</v>
      </c>
    </row>
    <row r="160" spans="1:4" ht="48.6" customHeight="1">
      <c r="B160" s="14" t="s">
        <v>22</v>
      </c>
      <c r="C160" s="8" t="s">
        <v>80</v>
      </c>
    </row>
    <row r="161" spans="2:3" ht="33.75" customHeight="1">
      <c r="B161" s="15" t="s">
        <v>23</v>
      </c>
      <c r="C161" s="5" t="s">
        <v>249</v>
      </c>
    </row>
    <row r="162" spans="2:3" ht="63" customHeight="1">
      <c r="B162" s="16" t="s">
        <v>37</v>
      </c>
      <c r="C162" s="17" t="s">
        <v>95</v>
      </c>
    </row>
    <row r="163" spans="2:3" ht="13.35" customHeight="1" thickBot="1"/>
    <row r="164" spans="2:3" ht="40.35" customHeight="1" thickBot="1">
      <c r="B164" s="64" t="s">
        <v>40</v>
      </c>
      <c r="C164" s="65"/>
    </row>
    <row r="165" spans="2:3" ht="26.1" customHeight="1">
      <c r="B165" s="18" t="s">
        <v>157</v>
      </c>
      <c r="C165" s="17" t="s">
        <v>250</v>
      </c>
    </row>
    <row r="166" spans="2:3" ht="13.35" customHeight="1" thickBot="1"/>
    <row r="167" spans="2:3" ht="40.35" customHeight="1" thickBot="1">
      <c r="B167" s="64" t="s">
        <v>33</v>
      </c>
      <c r="C167" s="65"/>
    </row>
    <row r="168" spans="2:3" ht="26.1" customHeight="1">
      <c r="B168" s="18" t="s">
        <v>158</v>
      </c>
      <c r="C168" s="17" t="s">
        <v>96</v>
      </c>
    </row>
    <row r="169" spans="2:3" ht="13.35" customHeight="1" thickBot="1"/>
    <row r="170" spans="2:3" ht="40.35" customHeight="1" thickBot="1">
      <c r="B170" s="64" t="s">
        <v>34</v>
      </c>
      <c r="C170" s="65"/>
    </row>
    <row r="171" spans="2:3" ht="34.5" customHeight="1">
      <c r="B171" s="9" t="s">
        <v>239</v>
      </c>
      <c r="C171" s="19" t="s">
        <v>251</v>
      </c>
    </row>
    <row r="172" spans="2:3" ht="26.1" customHeight="1">
      <c r="B172" s="18" t="s">
        <v>159</v>
      </c>
      <c r="C172" s="17" t="s">
        <v>97</v>
      </c>
    </row>
    <row r="173" spans="2:3" ht="10.5" customHeight="1" thickBot="1"/>
    <row r="174" spans="2:3" ht="40.35" customHeight="1" thickBot="1">
      <c r="B174" s="64" t="s">
        <v>16</v>
      </c>
      <c r="C174" s="65"/>
    </row>
    <row r="175" spans="2:3" ht="65.099999999999994" customHeight="1">
      <c r="B175" s="18" t="s">
        <v>331</v>
      </c>
      <c r="C175" s="30" t="s">
        <v>252</v>
      </c>
    </row>
    <row r="176" spans="2:3" ht="13.35" customHeight="1" thickBot="1"/>
    <row r="177" spans="1:5" ht="40.35" customHeight="1" thickBot="1">
      <c r="B177" s="64" t="s">
        <v>81</v>
      </c>
      <c r="C177" s="65"/>
      <c r="E177" s="24"/>
    </row>
    <row r="178" spans="1:5" ht="40.35" customHeight="1">
      <c r="B178" s="18" t="s">
        <v>160</v>
      </c>
      <c r="C178" s="17" t="s">
        <v>82</v>
      </c>
    </row>
    <row r="179" spans="1:5" ht="15" customHeight="1"/>
    <row r="180" spans="1:5" ht="26.1" customHeight="1" thickBot="1">
      <c r="A180" s="1" t="s">
        <v>69</v>
      </c>
    </row>
    <row r="181" spans="1:5" ht="40.35" customHeight="1" thickBot="1">
      <c r="B181" s="62" t="s">
        <v>38</v>
      </c>
      <c r="C181" s="63"/>
    </row>
    <row r="182" spans="1:5" ht="36" customHeight="1">
      <c r="B182" s="18" t="s">
        <v>6</v>
      </c>
      <c r="C182" s="17" t="s">
        <v>67</v>
      </c>
    </row>
    <row r="183" spans="1:5" ht="15" customHeight="1"/>
    <row r="184" spans="1:5" ht="26.1" customHeight="1" thickBot="1">
      <c r="A184" s="1" t="s">
        <v>70</v>
      </c>
    </row>
    <row r="185" spans="1:5" ht="40.35" customHeight="1" thickBot="1">
      <c r="B185" s="62" t="s">
        <v>42</v>
      </c>
      <c r="C185" s="63"/>
    </row>
    <row r="186" spans="1:5" ht="39" customHeight="1">
      <c r="B186" s="18" t="s">
        <v>57</v>
      </c>
      <c r="C186" s="17" t="s">
        <v>58</v>
      </c>
    </row>
    <row r="187" spans="1:5" ht="15" customHeight="1"/>
    <row r="188" spans="1:5" ht="26.1" customHeight="1" thickBot="1">
      <c r="A188" s="1" t="s">
        <v>71</v>
      </c>
    </row>
    <row r="189" spans="1:5" ht="40.35" customHeight="1" thickBot="1">
      <c r="B189" s="64" t="s">
        <v>230</v>
      </c>
      <c r="C189" s="65"/>
    </row>
    <row r="190" spans="1:5" ht="26.1" customHeight="1">
      <c r="B190" s="9" t="s">
        <v>7</v>
      </c>
      <c r="C190" s="19" t="s">
        <v>109</v>
      </c>
    </row>
    <row r="191" spans="1:5" ht="26.1" customHeight="1">
      <c r="B191" s="32" t="s">
        <v>110</v>
      </c>
      <c r="C191" s="5" t="s">
        <v>175</v>
      </c>
    </row>
    <row r="192" spans="1:5" ht="26.1" customHeight="1">
      <c r="B192" s="22" t="s">
        <v>101</v>
      </c>
      <c r="C192" s="8" t="s">
        <v>176</v>
      </c>
    </row>
    <row r="193" spans="1:3" ht="26.1" customHeight="1">
      <c r="B193" s="22" t="s">
        <v>161</v>
      </c>
      <c r="C193" s="8" t="s">
        <v>111</v>
      </c>
    </row>
    <row r="194" spans="1:3" ht="26.1" customHeight="1">
      <c r="B194" s="22" t="s">
        <v>162</v>
      </c>
      <c r="C194" s="8" t="s">
        <v>102</v>
      </c>
    </row>
    <row r="195" spans="1:3" ht="26.1" customHeight="1">
      <c r="B195" s="22" t="s">
        <v>380</v>
      </c>
      <c r="C195" s="8" t="s">
        <v>103</v>
      </c>
    </row>
    <row r="196" spans="1:3" ht="26.1" customHeight="1">
      <c r="B196" s="68" t="s">
        <v>104</v>
      </c>
      <c r="C196" s="8" t="s">
        <v>177</v>
      </c>
    </row>
    <row r="197" spans="1:3" ht="26.1" customHeight="1">
      <c r="B197" s="69"/>
      <c r="C197" s="8" t="s">
        <v>105</v>
      </c>
    </row>
    <row r="198" spans="1:3" s="24" customFormat="1" ht="26.1" customHeight="1">
      <c r="A198" s="57"/>
      <c r="B198" s="86" t="s">
        <v>391</v>
      </c>
      <c r="C198" s="8" t="s">
        <v>392</v>
      </c>
    </row>
    <row r="199" spans="1:3" ht="26.1" customHeight="1">
      <c r="B199" s="22" t="s">
        <v>106</v>
      </c>
      <c r="C199" s="8" t="s">
        <v>173</v>
      </c>
    </row>
    <row r="200" spans="1:3" ht="26.1" customHeight="1">
      <c r="B200" s="68" t="s">
        <v>107</v>
      </c>
      <c r="C200" s="8" t="s">
        <v>174</v>
      </c>
    </row>
    <row r="201" spans="1:3" ht="26.1" customHeight="1">
      <c r="B201" s="70"/>
      <c r="C201" s="7" t="s">
        <v>108</v>
      </c>
    </row>
    <row r="202" spans="1:3" ht="12.75" customHeight="1"/>
    <row r="203" spans="1:3" ht="26.1" customHeight="1" thickBot="1">
      <c r="A203" s="1" t="s">
        <v>72</v>
      </c>
    </row>
    <row r="204" spans="1:3" ht="40.35" customHeight="1" thickBot="1">
      <c r="B204" s="64" t="s">
        <v>8</v>
      </c>
      <c r="C204" s="65"/>
    </row>
    <row r="205" spans="1:3" ht="32.1" customHeight="1">
      <c r="B205" s="71" t="s">
        <v>1</v>
      </c>
      <c r="C205" s="19" t="s">
        <v>15</v>
      </c>
    </row>
    <row r="206" spans="1:3" ht="32.1" customHeight="1">
      <c r="B206" s="72"/>
      <c r="C206" s="19" t="s">
        <v>201</v>
      </c>
    </row>
    <row r="207" spans="1:3" ht="33.75" customHeight="1">
      <c r="B207" s="78" t="s">
        <v>163</v>
      </c>
      <c r="C207" s="79" t="s">
        <v>296</v>
      </c>
    </row>
    <row r="208" spans="1:3" ht="33.75" customHeight="1">
      <c r="B208" s="78"/>
      <c r="C208" s="80"/>
    </row>
    <row r="209" spans="1:3" ht="33.75" customHeight="1">
      <c r="B209" s="78"/>
      <c r="C209" s="80"/>
    </row>
    <row r="210" spans="1:3" ht="33.75" customHeight="1">
      <c r="B210" s="78"/>
      <c r="C210" s="81"/>
    </row>
    <row r="211" spans="1:3" ht="39.75" customHeight="1">
      <c r="B211" s="78" t="s">
        <v>164</v>
      </c>
      <c r="C211" s="79" t="s">
        <v>297</v>
      </c>
    </row>
    <row r="212" spans="1:3" ht="39.75" customHeight="1">
      <c r="B212" s="78"/>
      <c r="C212" s="80"/>
    </row>
    <row r="213" spans="1:3" ht="39.75" customHeight="1">
      <c r="B213" s="78"/>
      <c r="C213" s="81"/>
    </row>
    <row r="214" spans="1:3" ht="83.25" customHeight="1">
      <c r="B214" s="22" t="s">
        <v>257</v>
      </c>
      <c r="C214" s="36" t="s">
        <v>202</v>
      </c>
    </row>
    <row r="215" spans="1:3" ht="35.25" customHeight="1">
      <c r="B215" s="6" t="s">
        <v>258</v>
      </c>
      <c r="C215" s="39" t="s">
        <v>259</v>
      </c>
    </row>
    <row r="216" spans="1:3" ht="12" customHeight="1">
      <c r="C216" s="21"/>
    </row>
    <row r="217" spans="1:3" s="24" customFormat="1" ht="26.1" customHeight="1" thickBot="1">
      <c r="A217" s="1" t="s">
        <v>369</v>
      </c>
      <c r="B217" s="2"/>
      <c r="C217" s="2"/>
    </row>
    <row r="218" spans="1:3" s="24" customFormat="1" ht="40.35" customHeight="1" thickBot="1">
      <c r="A218" s="1"/>
      <c r="B218" s="64" t="s">
        <v>374</v>
      </c>
      <c r="C218" s="65"/>
    </row>
    <row r="219" spans="1:3" s="24" customFormat="1" ht="22.5">
      <c r="A219" s="1"/>
      <c r="B219" s="85" t="s">
        <v>371</v>
      </c>
      <c r="C219" s="29" t="s">
        <v>370</v>
      </c>
    </row>
    <row r="220" spans="1:3" s="24" customFormat="1" ht="45">
      <c r="A220" s="1"/>
      <c r="B220" s="71"/>
      <c r="C220" s="26" t="s">
        <v>373</v>
      </c>
    </row>
    <row r="221" spans="1:3" s="24" customFormat="1" ht="33.75">
      <c r="A221" s="1"/>
      <c r="B221" s="72"/>
      <c r="C221" s="26" t="s">
        <v>375</v>
      </c>
    </row>
    <row r="222" spans="1:3" s="24" customFormat="1" ht="30.6" customHeight="1">
      <c r="A222" s="1"/>
      <c r="B222" s="6" t="s">
        <v>372</v>
      </c>
      <c r="C222" s="7" t="s">
        <v>390</v>
      </c>
    </row>
    <row r="223" spans="1:3" s="24" customFormat="1" ht="16.350000000000001" customHeight="1">
      <c r="A223" s="57"/>
      <c r="B223" s="42"/>
      <c r="C223" s="42"/>
    </row>
    <row r="224" spans="1:3" ht="18.75" customHeight="1" thickBot="1">
      <c r="A224" s="1" t="s">
        <v>51</v>
      </c>
    </row>
    <row r="225" spans="1:4" ht="40.35" customHeight="1" thickBot="1">
      <c r="B225" s="64" t="s">
        <v>59</v>
      </c>
      <c r="C225" s="65"/>
    </row>
    <row r="226" spans="1:4" ht="131.85" customHeight="1">
      <c r="B226" s="28" t="s">
        <v>208</v>
      </c>
      <c r="C226" s="29" t="s">
        <v>253</v>
      </c>
    </row>
    <row r="227" spans="1:4" s="24" customFormat="1" ht="83.1" customHeight="1">
      <c r="A227" s="1"/>
      <c r="B227" s="72" t="s">
        <v>178</v>
      </c>
      <c r="C227" s="19" t="s">
        <v>179</v>
      </c>
      <c r="D227" s="3"/>
    </row>
    <row r="228" spans="1:4" s="24" customFormat="1" ht="95.1" customHeight="1">
      <c r="A228" s="1"/>
      <c r="B228" s="78"/>
      <c r="C228" s="5" t="s">
        <v>255</v>
      </c>
      <c r="D228" s="3"/>
    </row>
    <row r="229" spans="1:4" s="24" customFormat="1" ht="110.1" customHeight="1">
      <c r="A229" s="1"/>
      <c r="B229" s="83"/>
      <c r="C229" s="7" t="s">
        <v>256</v>
      </c>
      <c r="D229" s="3"/>
    </row>
    <row r="230" spans="1:4" ht="12.75" customHeight="1"/>
    <row r="231" spans="1:4" ht="18.75" customHeight="1" thickBot="1">
      <c r="A231" s="1" t="s">
        <v>254</v>
      </c>
    </row>
    <row r="232" spans="1:4" ht="40.35" customHeight="1" thickBot="1">
      <c r="B232" s="64" t="s">
        <v>184</v>
      </c>
      <c r="C232" s="65"/>
    </row>
    <row r="233" spans="1:4" ht="38.25" customHeight="1">
      <c r="B233" s="28" t="s">
        <v>185</v>
      </c>
      <c r="C233" s="29" t="s">
        <v>182</v>
      </c>
    </row>
    <row r="234" spans="1:4" ht="38.25" customHeight="1">
      <c r="B234" s="32" t="s">
        <v>298</v>
      </c>
      <c r="C234" s="5" t="s">
        <v>180</v>
      </c>
    </row>
    <row r="235" spans="1:4" ht="38.25" customHeight="1">
      <c r="B235" s="9" t="s">
        <v>186</v>
      </c>
      <c r="C235" s="19" t="s">
        <v>183</v>
      </c>
    </row>
    <row r="236" spans="1:4" s="24" customFormat="1" ht="39.75" customHeight="1">
      <c r="A236" s="1"/>
      <c r="B236" s="18" t="s">
        <v>187</v>
      </c>
      <c r="C236" s="17" t="s">
        <v>181</v>
      </c>
      <c r="D236" s="3"/>
    </row>
    <row r="237" spans="1:4" ht="12.75" customHeight="1"/>
    <row r="238" spans="1:4" ht="29.25" customHeight="1" thickBot="1">
      <c r="A238" s="84" t="s">
        <v>404</v>
      </c>
      <c r="B238" s="84"/>
      <c r="C238" s="84"/>
      <c r="D238" s="33"/>
    </row>
    <row r="239" spans="1:4" ht="40.35" customHeight="1" thickBot="1">
      <c r="B239" s="62" t="s">
        <v>299</v>
      </c>
      <c r="C239" s="63"/>
    </row>
    <row r="240" spans="1:4" ht="53.1" customHeight="1">
      <c r="B240" s="48" t="s">
        <v>60</v>
      </c>
      <c r="C240" s="49" t="s">
        <v>381</v>
      </c>
    </row>
    <row r="241" spans="1:3" ht="32.1" customHeight="1">
      <c r="B241" s="9" t="s">
        <v>61</v>
      </c>
      <c r="C241" s="23" t="s">
        <v>62</v>
      </c>
    </row>
    <row r="242" spans="1:3" ht="68.849999999999994" customHeight="1">
      <c r="B242" s="32" t="s">
        <v>382</v>
      </c>
      <c r="C242" s="31" t="s">
        <v>231</v>
      </c>
    </row>
    <row r="243" spans="1:3" ht="79.150000000000006" customHeight="1">
      <c r="B243" s="58" t="s">
        <v>385</v>
      </c>
      <c r="C243" s="31" t="s">
        <v>389</v>
      </c>
    </row>
    <row r="244" spans="1:3" ht="114.6" customHeight="1">
      <c r="B244" s="32" t="s">
        <v>165</v>
      </c>
      <c r="C244" s="5" t="s">
        <v>338</v>
      </c>
    </row>
    <row r="245" spans="1:3" ht="36" customHeight="1">
      <c r="B245" s="32" t="s">
        <v>98</v>
      </c>
      <c r="C245" s="5" t="s">
        <v>232</v>
      </c>
    </row>
    <row r="246" spans="1:3" ht="41.1" customHeight="1">
      <c r="B246" s="32" t="s">
        <v>204</v>
      </c>
      <c r="C246" s="5" t="s">
        <v>203</v>
      </c>
    </row>
    <row r="247" spans="1:3" ht="48.75" customHeight="1">
      <c r="B247" s="32" t="s">
        <v>99</v>
      </c>
      <c r="C247" s="5" t="s">
        <v>233</v>
      </c>
    </row>
    <row r="248" spans="1:3" ht="36" customHeight="1">
      <c r="B248" s="18" t="s">
        <v>100</v>
      </c>
      <c r="C248" s="17" t="s">
        <v>73</v>
      </c>
    </row>
    <row r="249" spans="1:3" ht="11.25" customHeight="1"/>
    <row r="250" spans="1:3" ht="22.35" customHeight="1" thickBot="1">
      <c r="A250" s="82" t="s">
        <v>405</v>
      </c>
      <c r="B250" s="82"/>
      <c r="C250" s="82"/>
    </row>
    <row r="251" spans="1:3" ht="45" customHeight="1" thickBot="1">
      <c r="B251" s="64" t="s">
        <v>315</v>
      </c>
      <c r="C251" s="65"/>
    </row>
    <row r="252" spans="1:3" ht="91.35" customHeight="1">
      <c r="B252" s="9" t="s">
        <v>316</v>
      </c>
      <c r="C252" s="19" t="s">
        <v>317</v>
      </c>
    </row>
    <row r="253" spans="1:3" ht="85.35" customHeight="1">
      <c r="B253" s="32" t="s">
        <v>318</v>
      </c>
      <c r="C253" s="5" t="s">
        <v>319</v>
      </c>
    </row>
    <row r="254" spans="1:3" ht="53.1" customHeight="1">
      <c r="B254" s="32" t="s">
        <v>320</v>
      </c>
      <c r="C254" s="5" t="s">
        <v>342</v>
      </c>
    </row>
    <row r="255" spans="1:3" ht="27.6" customHeight="1">
      <c r="B255" s="32" t="s">
        <v>333</v>
      </c>
      <c r="C255" s="5" t="s">
        <v>334</v>
      </c>
    </row>
    <row r="256" spans="1:3" ht="42" customHeight="1">
      <c r="B256" s="32" t="s">
        <v>321</v>
      </c>
      <c r="C256" s="5" t="s">
        <v>322</v>
      </c>
    </row>
    <row r="257" spans="1:3" ht="70.349999999999994" customHeight="1">
      <c r="B257" s="22" t="s">
        <v>323</v>
      </c>
      <c r="C257" s="8" t="s">
        <v>324</v>
      </c>
    </row>
    <row r="258" spans="1:3" ht="59.45" customHeight="1">
      <c r="B258" s="32" t="s">
        <v>325</v>
      </c>
      <c r="C258" s="5" t="s">
        <v>326</v>
      </c>
    </row>
    <row r="259" spans="1:3" ht="34.700000000000003" customHeight="1">
      <c r="B259" s="18" t="s">
        <v>327</v>
      </c>
      <c r="C259" s="17" t="s">
        <v>328</v>
      </c>
    </row>
    <row r="260" spans="1:3" ht="34.700000000000003" customHeight="1">
      <c r="B260" s="42"/>
      <c r="C260" s="42"/>
    </row>
    <row r="261" spans="1:3" ht="19.7" customHeight="1" thickBot="1">
      <c r="A261" s="1" t="s">
        <v>43</v>
      </c>
    </row>
    <row r="262" spans="1:3" ht="26.1" customHeight="1" thickBot="1">
      <c r="B262" s="62" t="s">
        <v>9</v>
      </c>
      <c r="C262" s="63"/>
    </row>
    <row r="263" spans="1:3" ht="26.1" customHeight="1">
      <c r="B263" s="27"/>
      <c r="C263" s="17" t="s">
        <v>205</v>
      </c>
    </row>
    <row r="266" spans="1:3" ht="26.1" customHeight="1">
      <c r="A266" s="59" t="s">
        <v>339</v>
      </c>
      <c r="B266" s="60"/>
      <c r="C266" s="61"/>
    </row>
    <row r="267" spans="1:3" ht="26.1" customHeight="1">
      <c r="A267" s="51"/>
      <c r="B267" s="52">
        <v>44866</v>
      </c>
      <c r="C267" s="50" t="s">
        <v>340</v>
      </c>
    </row>
    <row r="268" spans="1:3" ht="120.95" customHeight="1">
      <c r="A268" s="51"/>
      <c r="B268" s="52">
        <v>44967</v>
      </c>
      <c r="C268" s="56" t="s">
        <v>384</v>
      </c>
    </row>
    <row r="269" spans="1:3" ht="111.75" customHeight="1">
      <c r="A269" s="51"/>
      <c r="B269" s="52">
        <v>45338</v>
      </c>
      <c r="C269" s="56" t="s">
        <v>394</v>
      </c>
    </row>
  </sheetData>
  <mergeCells count="50">
    <mergeCell ref="B207:B210"/>
    <mergeCell ref="B211:B213"/>
    <mergeCell ref="C211:C213"/>
    <mergeCell ref="C207:C210"/>
    <mergeCell ref="B251:C251"/>
    <mergeCell ref="A250:C250"/>
    <mergeCell ref="B227:B229"/>
    <mergeCell ref="B232:C232"/>
    <mergeCell ref="A238:C238"/>
    <mergeCell ref="B239:C239"/>
    <mergeCell ref="B218:C218"/>
    <mergeCell ref="B219:B221"/>
    <mergeCell ref="A2:C2"/>
    <mergeCell ref="B170:C170"/>
    <mergeCell ref="B86:C86"/>
    <mergeCell ref="B93:C93"/>
    <mergeCell ref="B102:C102"/>
    <mergeCell ref="B106:C106"/>
    <mergeCell ref="B113:C113"/>
    <mergeCell ref="C118:D118"/>
    <mergeCell ref="B120:C120"/>
    <mergeCell ref="B134:C134"/>
    <mergeCell ref="B144:C144"/>
    <mergeCell ref="B164:C164"/>
    <mergeCell ref="B167:C167"/>
    <mergeCell ref="B77:C77"/>
    <mergeCell ref="B4:C4"/>
    <mergeCell ref="B12:C12"/>
    <mergeCell ref="B205:B206"/>
    <mergeCell ref="B13:C13"/>
    <mergeCell ref="B17:C17"/>
    <mergeCell ref="B20:C20"/>
    <mergeCell ref="B23:C23"/>
    <mergeCell ref="B35:C35"/>
    <mergeCell ref="A266:C266"/>
    <mergeCell ref="B262:C262"/>
    <mergeCell ref="B39:C39"/>
    <mergeCell ref="B48:C48"/>
    <mergeCell ref="B57:C57"/>
    <mergeCell ref="B63:C63"/>
    <mergeCell ref="B66:C66"/>
    <mergeCell ref="B225:C225"/>
    <mergeCell ref="B174:C174"/>
    <mergeCell ref="B177:C177"/>
    <mergeCell ref="B181:C181"/>
    <mergeCell ref="B185:C185"/>
    <mergeCell ref="B189:C189"/>
    <mergeCell ref="B196:B197"/>
    <mergeCell ref="B200:B201"/>
    <mergeCell ref="B204:C204"/>
  </mergeCells>
  <phoneticPr fontId="9"/>
  <printOptions horizontalCentered="1"/>
  <pageMargins left="0.55118110236220474" right="0.55118110236220474" top="0.59055118110236227" bottom="0.47244094488188981" header="0.23622047244094491" footer="0.19685039370078741"/>
  <pageSetup paperSize="9" orientation="portrait" r:id="rId1"/>
  <headerFooter alignWithMargins="0">
    <oddHeader>&amp;R&amp;"HG丸ｺﾞｼｯｸM-PRO,標準"&amp;8標準的な環境関連法令一覧（&amp;KFF0000令和６年２月16日&amp;K000000更新）</oddHeader>
    <oddFooter>&amp;C&amp;P</oddFooter>
  </headerFooter>
  <rowBreaks count="14" manualBreakCount="14">
    <brk id="21" max="2" man="1"/>
    <brk id="45" max="2" man="1"/>
    <brk id="63" max="2" man="1"/>
    <brk id="85" max="2" man="1"/>
    <brk id="103" max="2" man="1"/>
    <brk id="131" max="2" man="1"/>
    <brk id="142" max="2" man="1"/>
    <brk id="162" max="2" man="1"/>
    <brk id="178" max="2" man="1"/>
    <brk id="202" max="2" man="1"/>
    <brk id="223" max="2" man="1"/>
    <brk id="229" max="2" man="1"/>
    <brk id="248" max="2" man="1"/>
    <brk id="265" max="2"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C22"/>
  <sheetViews>
    <sheetView workbookViewId="0">
      <selection activeCell="C5" sqref="C5:C22"/>
    </sheetView>
  </sheetViews>
  <sheetFormatPr defaultRowHeight="12"/>
  <cols>
    <col min="1" max="1" width="1.140625" customWidth="1"/>
    <col min="2" max="2" width="64.42578125" customWidth="1"/>
    <col min="3" max="3" width="24.85546875" customWidth="1"/>
  </cols>
  <sheetData>
    <row r="2" spans="2:3" ht="14.25">
      <c r="B2" s="55" t="s">
        <v>383</v>
      </c>
    </row>
    <row r="4" spans="2:3" ht="15.95" customHeight="1">
      <c r="B4" s="54" t="s">
        <v>366</v>
      </c>
      <c r="C4" s="54" t="s">
        <v>367</v>
      </c>
    </row>
    <row r="5" spans="2:3" ht="15.95" customHeight="1">
      <c r="B5" s="53" t="s">
        <v>344</v>
      </c>
      <c r="C5" s="53" t="s">
        <v>386</v>
      </c>
    </row>
    <row r="6" spans="2:3" ht="15.95" customHeight="1">
      <c r="B6" s="53" t="s">
        <v>345</v>
      </c>
      <c r="C6" s="53" t="s">
        <v>347</v>
      </c>
    </row>
    <row r="7" spans="2:3" ht="15.95" customHeight="1">
      <c r="B7" s="53" t="s">
        <v>346</v>
      </c>
      <c r="C7" s="53" t="s">
        <v>348</v>
      </c>
    </row>
    <row r="8" spans="2:3" ht="15.95" customHeight="1">
      <c r="B8" s="53" t="s">
        <v>349</v>
      </c>
      <c r="C8" s="53" t="s">
        <v>350</v>
      </c>
    </row>
    <row r="9" spans="2:3" ht="15.95" customHeight="1">
      <c r="B9" s="53" t="s">
        <v>351</v>
      </c>
      <c r="C9" s="53" t="s">
        <v>350</v>
      </c>
    </row>
    <row r="10" spans="2:3" ht="15.95" customHeight="1">
      <c r="B10" s="53" t="s">
        <v>352</v>
      </c>
      <c r="C10" s="53" t="s">
        <v>353</v>
      </c>
    </row>
    <row r="11" spans="2:3" ht="15.95" customHeight="1">
      <c r="B11" s="53" t="s">
        <v>354</v>
      </c>
      <c r="C11" s="53" t="s">
        <v>386</v>
      </c>
    </row>
    <row r="12" spans="2:3" ht="15.95" customHeight="1">
      <c r="B12" s="53" t="s">
        <v>355</v>
      </c>
      <c r="C12" s="53" t="s">
        <v>386</v>
      </c>
    </row>
    <row r="13" spans="2:3" ht="15.95" customHeight="1">
      <c r="B13" s="53" t="s">
        <v>356</v>
      </c>
      <c r="C13" s="53" t="s">
        <v>386</v>
      </c>
    </row>
    <row r="14" spans="2:3" ht="15.95" customHeight="1">
      <c r="B14" s="53" t="s">
        <v>357</v>
      </c>
      <c r="C14" s="53" t="s">
        <v>386</v>
      </c>
    </row>
    <row r="15" spans="2:3" ht="15.95" customHeight="1">
      <c r="B15" s="53" t="s">
        <v>358</v>
      </c>
      <c r="C15" s="53" t="s">
        <v>386</v>
      </c>
    </row>
    <row r="16" spans="2:3" ht="15.95" customHeight="1">
      <c r="B16" s="53" t="s">
        <v>359</v>
      </c>
      <c r="C16" s="53" t="s">
        <v>360</v>
      </c>
    </row>
    <row r="17" spans="2:3" ht="15.95" customHeight="1">
      <c r="B17" s="53" t="s">
        <v>361</v>
      </c>
      <c r="C17" s="53" t="s">
        <v>360</v>
      </c>
    </row>
    <row r="18" spans="2:3" ht="15.95" customHeight="1">
      <c r="B18" s="53" t="s">
        <v>362</v>
      </c>
      <c r="C18" s="53" t="s">
        <v>360</v>
      </c>
    </row>
    <row r="19" spans="2:3" ht="15.95" customHeight="1">
      <c r="B19" s="53" t="s">
        <v>363</v>
      </c>
      <c r="C19" s="53" t="s">
        <v>360</v>
      </c>
    </row>
    <row r="20" spans="2:3" ht="15.95" customHeight="1">
      <c r="B20" s="53" t="s">
        <v>368</v>
      </c>
      <c r="C20" s="53" t="s">
        <v>360</v>
      </c>
    </row>
    <row r="21" spans="2:3" ht="15.95" customHeight="1">
      <c r="B21" s="53" t="s">
        <v>364</v>
      </c>
      <c r="C21" s="53" t="s">
        <v>386</v>
      </c>
    </row>
    <row r="22" spans="2:3" ht="15.95" customHeight="1">
      <c r="B22" s="53" t="s">
        <v>365</v>
      </c>
      <c r="C22" s="53" t="s">
        <v>386</v>
      </c>
    </row>
  </sheetData>
  <phoneticPr fontId="9"/>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標準的な環境関連法令一覧（庁舎管理等）</vt:lpstr>
      <vt:lpstr>別添１</vt:lpstr>
      <vt:lpstr>'標準的な環境関連法令一覧（庁舎管理等）'!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環境課　浦上</cp:lastModifiedBy>
  <cp:lastPrinted>2024-02-16T01:05:12Z</cp:lastPrinted>
  <dcterms:modified xsi:type="dcterms:W3CDTF">2024-02-16T01:39:54Z</dcterms:modified>
</cp:coreProperties>
</file>